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xl/metadata" ContentType="application/binary"/>
  <Override PartName="/xl/commentsmeta0" ContentType="application/binary"/>
  <Override PartName="/xl/commentsmeta1" ContentType="application/binary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/>
  <mc:AlternateContent xmlns:mc="http://schemas.openxmlformats.org/markup-compatibility/2006">
    <mc:Choice Requires="x15">
      <x15ac:absPath xmlns:x15ac="http://schemas.microsoft.com/office/spreadsheetml/2010/11/ac" url="C:\Users\i046317\Documents\AAA Personal\Obec\Financni vybor\Rozpocet\"/>
    </mc:Choice>
  </mc:AlternateContent>
  <xr:revisionPtr revIDLastSave="0" documentId="8_{BF63DEFF-DBAE-4B56-95A6-385D137117BF}" xr6:coauthVersionLast="47" xr6:coauthVersionMax="47" xr10:uidLastSave="{00000000-0000-0000-0000-000000000000}"/>
  <bookViews>
    <workbookView xWindow="-98" yWindow="-98" windowWidth="19396" windowHeight="10395" xr2:uid="{00000000-000D-0000-FFFF-FFFF00000000}"/>
  </bookViews>
  <sheets>
    <sheet name="Summary" sheetId="4" r:id="rId1"/>
    <sheet name="Příjmy" sheetId="1" r:id="rId2"/>
    <sheet name="Výdaje" sheetId="2" r:id="rId3"/>
    <sheet name="zmeny" sheetId="3" r:id="rId4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  <ext uri="GoogleSheetsCustomDataVersion1">
      <go:sheetsCustomData xmlns:go="http://customooxmlschemas.google.com/" r:id="rId7" roundtripDataSignature="AMtx7mhSYVApWVcNFpXqJrWnF1vfcrKMCw=="/>
    </ext>
  </extLst>
</workbook>
</file>

<file path=xl/calcChain.xml><?xml version="1.0" encoding="utf-8"?>
<calcChain xmlns="http://schemas.openxmlformats.org/spreadsheetml/2006/main">
  <c r="L50" i="4" l="1"/>
  <c r="AM51" i="2" l="1"/>
  <c r="AY10" i="2"/>
  <c r="AY25" i="2"/>
  <c r="AX51" i="2" l="1"/>
  <c r="AW51" i="2"/>
  <c r="AV51" i="2"/>
  <c r="AU51" i="2"/>
  <c r="AT51" i="2"/>
  <c r="AS51" i="2"/>
  <c r="AR51" i="2"/>
  <c r="AQ51" i="2"/>
  <c r="AP51" i="2"/>
  <c r="AO51" i="2"/>
  <c r="AN51" i="2"/>
  <c r="AL51" i="2"/>
  <c r="AK51" i="2"/>
  <c r="AJ51" i="2"/>
  <c r="AI51" i="2"/>
  <c r="AH51" i="2"/>
  <c r="AG51" i="2"/>
  <c r="AF51" i="2"/>
  <c r="AE51" i="2"/>
  <c r="AD51" i="2"/>
  <c r="AC51" i="2"/>
  <c r="AB51" i="2"/>
  <c r="AA51" i="2"/>
  <c r="Z51" i="2"/>
  <c r="Y51" i="2"/>
  <c r="X51" i="2"/>
  <c r="W51" i="2"/>
  <c r="V51" i="2"/>
  <c r="U51" i="2"/>
  <c r="T51" i="2"/>
  <c r="S51" i="2"/>
  <c r="R51" i="2"/>
  <c r="Q51" i="2"/>
  <c r="P51" i="2"/>
  <c r="O51" i="2"/>
  <c r="N51" i="2"/>
  <c r="M51" i="2"/>
  <c r="L51" i="2"/>
  <c r="K51" i="2"/>
  <c r="J51" i="2"/>
  <c r="I51" i="2"/>
  <c r="H51" i="2"/>
  <c r="G51" i="2"/>
  <c r="F51" i="2"/>
  <c r="E51" i="2"/>
  <c r="D51" i="2"/>
  <c r="C51" i="2"/>
  <c r="AY50" i="2"/>
  <c r="AY49" i="2"/>
  <c r="AY48" i="2"/>
  <c r="AY47" i="2"/>
  <c r="AY46" i="2"/>
  <c r="AY45" i="2"/>
  <c r="AY44" i="2"/>
  <c r="AY43" i="2"/>
  <c r="AY42" i="2"/>
  <c r="AY41" i="2"/>
  <c r="AY40" i="2"/>
  <c r="AY39" i="2"/>
  <c r="AY38" i="2"/>
  <c r="AY37" i="2"/>
  <c r="AY36" i="2"/>
  <c r="AY35" i="2"/>
  <c r="AY34" i="2"/>
  <c r="AY33" i="2"/>
  <c r="AY32" i="2"/>
  <c r="AY31" i="2"/>
  <c r="AY30" i="2"/>
  <c r="AY29" i="2"/>
  <c r="AY28" i="2"/>
  <c r="AY27" i="2"/>
  <c r="AY26" i="2"/>
  <c r="AY24" i="2"/>
  <c r="AY23" i="2"/>
  <c r="AY22" i="2"/>
  <c r="AY21" i="2"/>
  <c r="AY20" i="2"/>
  <c r="AY19" i="2"/>
  <c r="AY18" i="2"/>
  <c r="AY17" i="2"/>
  <c r="AY16" i="2"/>
  <c r="AY15" i="2"/>
  <c r="AY14" i="2"/>
  <c r="AY13" i="2"/>
  <c r="AY12" i="2"/>
  <c r="AY11" i="2"/>
  <c r="AY9" i="2"/>
  <c r="AY8" i="2"/>
  <c r="AY7" i="2"/>
  <c r="AY6" i="2"/>
  <c r="AY5" i="2"/>
  <c r="U45" i="1"/>
  <c r="D26" i="1" s="1"/>
  <c r="T45" i="1"/>
  <c r="S45" i="1"/>
  <c r="R45" i="1"/>
  <c r="Q45" i="1"/>
  <c r="P45" i="1"/>
  <c r="O45" i="1"/>
  <c r="N45" i="1"/>
  <c r="M45" i="1"/>
  <c r="L45" i="1"/>
  <c r="K45" i="1"/>
  <c r="J45" i="1"/>
  <c r="I45" i="1"/>
  <c r="H45" i="1"/>
  <c r="D36" i="1"/>
  <c r="D24" i="1"/>
  <c r="AY51" i="2" l="1"/>
  <c r="D25" i="1"/>
  <c r="D27" i="1" s="1"/>
  <c r="D38" i="1" s="1"/>
  <c r="D39" i="1" l="1"/>
  <c r="B48" i="1" s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/>
    <author>Nespor, Robert</author>
  </authors>
  <commentList>
    <comment ref="L13" authorId="0" shapeId="0" xr:uid="{00000000-0006-0000-0000-000006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najem za vodovod</t>
        </r>
      </text>
    </comment>
    <comment ref="U13" authorId="0" shapeId="0" xr:uid="{00000000-0006-0000-0000-000003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 pripojky za vodu</t>
        </r>
      </text>
    </comment>
    <comment ref="L14" authorId="0" shapeId="0" xr:uid="{00000000-0006-0000-0000-000005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ronajem VHS</t>
        </r>
      </text>
    </comment>
    <comment ref="U14" authorId="0" shapeId="0" xr:uid="{00000000-0006-0000-0000-000002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prispevky na kanalizaci </t>
        </r>
      </text>
    </comment>
    <comment ref="H22" authorId="0" shapeId="0" xr:uid="{00000000-0006-0000-0000-00000C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rijem ze vstupneho</t>
        </r>
      </text>
    </comment>
    <comment ref="L22" authorId="0" shapeId="0" xr:uid="{00000000-0006-0000-0000-000001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rispevek od sponzora na festival za reklamu - Junker…
</t>
        </r>
      </text>
    </comment>
    <comment ref="O22" authorId="0" shapeId="0" xr:uid="{00000000-0006-0000-0000-00000A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sponzorske dary</t>
        </r>
      </text>
    </comment>
    <comment ref="L26" authorId="0" shapeId="0" xr:uid="{00000000-0006-0000-0000-000008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Comment:
    najem bytu</t>
        </r>
      </text>
    </comment>
    <comment ref="L28" authorId="1" shapeId="0" xr:uid="{B2D84058-A035-4C64-9EB7-2227F90AF763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platba za čidlo - nájem</t>
        </r>
      </text>
    </comment>
    <comment ref="J31" authorId="1" shapeId="0" xr:uid="{1923B93E-5A03-4160-BC5B-8A9D70C74178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věcná břemena</t>
        </r>
      </text>
    </comment>
    <comment ref="K31" authorId="1" shapeId="0" xr:uid="{B73EC76A-E271-40A3-BE73-6D34AF3BDB15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pozemky - Vodafone apod.
</t>
        </r>
      </text>
    </comment>
    <comment ref="L31" authorId="0" shapeId="0" xr:uid="{00000000-0006-0000-0000-000009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Comment:
    wifcom = 1200 najem + mame zdarma internet na OU</t>
        </r>
      </text>
    </comment>
    <comment ref="S31" authorId="1" shapeId="0" xr:uid="{5CD41335-3492-45CF-94DC-6498545CA670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prodej pozemků</t>
        </r>
      </text>
    </comment>
    <comment ref="H33" authorId="0" shapeId="0" xr:uid="{00000000-0006-0000-0000-00000E000000}">
      <text>
        <r>
          <rPr>
            <sz val="11"/>
            <color theme="1"/>
            <rFont val="Arial"/>
            <family val="2"/>
            <charset val="238"/>
            <scheme val="minor"/>
          </rPr>
          <t>odvoz zeleně, pronájem techniky</t>
        </r>
      </text>
    </comment>
    <comment ref="H35" authorId="1" shapeId="0" xr:uid="{FF02117B-B8B7-4557-BA53-A42F21398243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inzeráty apod.</t>
        </r>
      </text>
    </comment>
    <comment ref="I35" authorId="1" shapeId="0" xr:uid="{F1833CD5-AB5D-43F7-9F14-5F2CB484F730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domovní čísla...</t>
        </r>
      </text>
    </comment>
    <comment ref="L35" authorId="1" shapeId="0" xr:uid="{AFB4A440-8A3C-49DD-BA9E-8F8B3C0970D7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pronájem zasedačky</t>
        </r>
      </text>
    </comment>
    <comment ref="R36" authorId="1" shapeId="0" xr:uid="{AEB0EB36-A138-4655-A15F-8DDE7F92D0FE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úroky z termín vkladů, předpoklad cca 8 mil. na 5%</t>
        </r>
      </text>
    </comment>
    <comment ref="D41" authorId="0" shapeId="0" xr:uid="{00000000-0006-0000-0000-000004000000}">
      <text>
        <r>
          <rPr>
            <sz val="11"/>
            <color theme="1"/>
            <rFont val="Arial"/>
            <family val="2"/>
            <charset val="238"/>
            <scheme val="minor"/>
          </rPr>
          <t>dorovnání z přebytku minulých let, cca 11 mil. na účtech ČNB a KB</t>
        </r>
      </text>
    </comment>
  </commentList>
  <extLst>
    <ext xmlns:r="http://schemas.openxmlformats.org/officeDocument/2006/relationships" uri="GoogleSheetsCustomDataVersion1">
      <go:sheetsCustomData xmlns:go="http://customooxmlschemas.google.com/" r:id="rId1" roundtripDataSignature="AMtx7mhU7JnCf7h9xCa1faQkKrSOxSy5QA=="/>
    </ext>
  </extLst>
</comments>
</file>

<file path=xl/comments2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/>
    <author>Nespor, Robert</author>
  </authors>
  <commentList>
    <comment ref="D7" authorId="0" shapeId="0" xr:uid="{00000000-0006-0000-0100-00001C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======
prohrnovani silnic + inzenyrska cinnost </t>
        </r>
      </text>
    </comment>
    <comment ref="M7" authorId="0" shapeId="0" xr:uid="{00000000-0006-0000-0100-000054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    nadoby na posyp atd.</t>
        </r>
      </text>
    </comment>
    <comment ref="P7" authorId="0" shapeId="0" xr:uid="{00000000-0006-0000-0100-00004E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sypovy material
</t>
        </r>
      </text>
    </comment>
    <comment ref="T7" authorId="0" shapeId="0" xr:uid="{00000000-0006-0000-0100-000041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traktor PHM + maziva</t>
        </r>
      </text>
    </comment>
    <comment ref="AA7" authorId="0" shapeId="0" xr:uid="{00000000-0006-0000-0100-00002B000000}">
      <text>
        <r>
          <rPr>
            <sz val="11"/>
            <color theme="1"/>
            <rFont val="Arial"/>
            <family val="2"/>
            <charset val="238"/>
            <scheme val="minor"/>
          </rPr>
          <t>ruzne drobne prace…..</t>
        </r>
      </text>
    </comment>
    <comment ref="AB7" authorId="0" shapeId="0" xr:uid="{00000000-0006-0000-0100-000034000000}">
      <text>
        <r>
          <rPr>
            <sz val="11"/>
            <color theme="1"/>
            <rFont val="Arial"/>
            <family val="2"/>
            <charset val="238"/>
            <scheme val="minor"/>
          </rPr>
          <t>opravy včetně větších akcí - podél řeky…, směr Baštírna apod.</t>
        </r>
      </text>
    </comment>
    <comment ref="AR7" authorId="1" shapeId="0" xr:uid="{07F55A27-4212-41C9-A099-D13E234531AE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povolení,…
</t>
        </r>
      </text>
    </comment>
    <comment ref="AU7" authorId="0" shapeId="0" xr:uid="{00000000-0006-0000-0100-00000B000000}">
      <text>
        <r>
          <rPr>
            <sz val="11"/>
            <color theme="1"/>
            <rFont val="Arial"/>
            <family val="2"/>
            <charset val="238"/>
            <scheme val="minor"/>
          </rPr>
          <t>projekty na cesty</t>
        </r>
      </text>
    </comment>
    <comment ref="AV7" authorId="0" shapeId="0" xr:uid="{00000000-0006-0000-0100-00000C000000}">
      <text>
        <r>
          <rPr>
            <sz val="11"/>
            <color theme="1"/>
            <rFont val="Arial"/>
            <family val="2"/>
            <charset val="238"/>
            <scheme val="minor"/>
          </rPr>
          <t>zcela nové komunikace, 2023 se neplánuje</t>
        </r>
      </text>
    </comment>
    <comment ref="AA8" authorId="0" shapeId="0" xr:uid="{00000000-0006-0000-0100-000027000000}">
      <text>
        <r>
          <rPr>
            <sz val="11"/>
            <color theme="1"/>
            <rFont val="Arial"/>
            <family val="2"/>
            <charset val="238"/>
            <scheme val="minor"/>
          </rPr>
          <t>chodníky, opravy schodů apod.</t>
        </r>
      </text>
    </comment>
    <comment ref="AB8" authorId="1" shapeId="0" xr:uid="{919B2BD2-907E-4EEC-8D20-CE82E72C8051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jen čistě údržba</t>
        </r>
      </text>
    </comment>
    <comment ref="AU8" authorId="0" shapeId="0" xr:uid="{00000000-0006-0000-0100-000059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schody a chodniky</t>
        </r>
      </text>
    </comment>
    <comment ref="AV8" authorId="0" shapeId="0" xr:uid="{00000000-0006-0000-0100-00001D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možný doplatek chodník, vícepráce</t>
        </r>
      </text>
    </comment>
    <comment ref="AM10" authorId="1" shapeId="0" xr:uid="{AC2A7036-6D49-48C1-BD9A-F3E288DFE254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poplatek kraji za dopr. obslužnost dle smlouvy</t>
        </r>
      </text>
    </comment>
    <comment ref="P11" authorId="0" shapeId="0" xr:uid="{00000000-0006-0000-0100-00002A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vodomery</t>
        </r>
      </text>
    </comment>
    <comment ref="AA11" authorId="0" shapeId="0" xr:uid="{00000000-0006-0000-0100-000030000000}">
      <text>
        <r>
          <rPr>
            <sz val="11"/>
            <color theme="1"/>
            <rFont val="Arial"/>
            <family val="2"/>
            <charset val="238"/>
            <scheme val="minor"/>
          </rPr>
          <t>služby ve vztahu k vodovodům (zaměření…)</t>
        </r>
      </text>
    </comment>
    <comment ref="AU11" authorId="0" shapeId="0" xr:uid="{00000000-0006-0000-0100-000055000000}">
      <text>
        <r>
          <rPr>
            <sz val="11"/>
            <color theme="1"/>
            <rFont val="Arial"/>
            <family val="2"/>
            <charset val="238"/>
            <scheme val="minor"/>
          </rPr>
          <t>Datel další projekty..</t>
        </r>
      </text>
    </comment>
    <comment ref="AV11" authorId="0" shapeId="0" xr:uid="{00000000-0006-0000-0100-000021000000}">
      <text>
        <r>
          <rPr>
            <sz val="11"/>
            <color theme="1"/>
            <rFont val="Arial"/>
            <family val="2"/>
            <charset val="238"/>
            <scheme val="minor"/>
          </rPr>
          <t>2023 - vodovod za tratí, za tunelem</t>
        </r>
      </text>
    </comment>
    <comment ref="AA12" authorId="0" shapeId="0" xr:uid="{00000000-0006-0000-0100-00001B000000}">
      <text>
        <r>
          <rPr>
            <sz val="11"/>
            <color theme="1"/>
            <rFont val="Arial"/>
            <family val="2"/>
            <charset val="238"/>
            <scheme val="minor"/>
          </rPr>
          <t>služby na ČOV</t>
        </r>
      </text>
    </comment>
    <comment ref="AB12" authorId="0" shapeId="0" xr:uid="{00000000-0006-0000-0100-000009000000}">
      <text>
        <r>
          <rPr>
            <sz val="11"/>
            <color theme="1"/>
            <rFont val="Arial"/>
            <family val="2"/>
            <charset val="238"/>
            <scheme val="minor"/>
          </rPr>
          <t>opravy (2022 236 tis. za opravy)</t>
        </r>
      </text>
    </comment>
    <comment ref="AU12" authorId="1" shapeId="0" xr:uid="{B8C27964-A594-483E-A5A0-193127EA12F0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projekty na kanalizaci</t>
        </r>
      </text>
    </comment>
    <comment ref="AL14" authorId="0" shapeId="0" xr:uid="{00000000-0006-0000-0100-000022000000}">
      <text>
        <r>
          <rPr>
            <sz val="11"/>
            <color theme="1"/>
            <rFont val="Arial"/>
            <family val="2"/>
            <charset val="238"/>
            <scheme val="minor"/>
          </rPr>
          <t>platba do Čerčan, 2022 52 tis. Kč</t>
        </r>
      </text>
    </comment>
    <comment ref="AL15" authorId="0" shapeId="0" xr:uid="{00000000-0006-0000-0100-000003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2022 - platili jsme 180k</t>
        </r>
      </text>
    </comment>
    <comment ref="D20" authorId="0" shapeId="0" xr:uid="{00000000-0006-0000-0100-00004A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opravy pomniku</t>
        </r>
      </text>
    </comment>
    <comment ref="P20" authorId="0" shapeId="0" xr:uid="{00000000-0006-0000-0100-00005D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kytky, buksusy….</t>
        </r>
      </text>
    </comment>
    <comment ref="M23" authorId="1" shapeId="0" xr:uid="{A7E41352-C3E7-4C61-AF42-CD2B09F51BC1}">
      <text>
        <r>
          <rPr>
            <b/>
            <sz val="9"/>
            <color indexed="81"/>
            <rFont val="Tahoma"/>
            <family val="2"/>
            <charset val="238"/>
          </rPr>
          <t>materiál dlouhodobějšího charakteru</t>
        </r>
        <r>
          <rPr>
            <sz val="9"/>
            <color indexed="81"/>
            <rFont val="Tahoma"/>
            <family val="2"/>
            <charset val="238"/>
          </rPr>
          <t xml:space="preserve">
</t>
        </r>
      </text>
    </comment>
    <comment ref="P23" authorId="0" shapeId="0" xr:uid="{00000000-0006-0000-0100-000016000000}">
      <text>
        <r>
          <rPr>
            <sz val="11"/>
            <color theme="1"/>
            <rFont val="Arial"/>
            <family val="2"/>
            <charset val="238"/>
            <scheme val="minor"/>
          </rPr>
          <t>materiál na akce pro děti apod. krátkodobějšího charakteru</t>
        </r>
      </text>
    </comment>
    <comment ref="AA23" authorId="0" shapeId="0" xr:uid="{00000000-0006-0000-0100-00003C000000}">
      <text>
        <r>
          <rPr>
            <sz val="11"/>
            <color theme="1"/>
            <rFont val="Arial"/>
            <family val="2"/>
            <charset val="238"/>
            <scheme val="minor"/>
          </rPr>
          <t>skakaci hrad, kapely na festival, kroužky apod. - služby</t>
        </r>
      </text>
    </comment>
    <comment ref="AD23" authorId="0" shapeId="0" xr:uid="{00000000-0006-0000-0100-000033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hosteni detsky den, seniori, atd.</t>
        </r>
      </text>
    </comment>
    <comment ref="AG23" authorId="0" shapeId="0" xr:uid="{00000000-0006-0000-0100-000005000000}">
      <text>
        <r>
          <rPr>
            <sz val="11"/>
            <color theme="1"/>
            <rFont val="Arial"/>
            <family val="2"/>
            <charset val="238"/>
            <scheme val="minor"/>
          </rPr>
          <t>vouchery pro seniory, drobné dárky na akce</t>
        </r>
      </text>
    </comment>
    <comment ref="AQ23" authorId="0" shapeId="0" xr:uid="{00000000-0006-0000-0100-000004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platek OSA</t>
        </r>
      </text>
    </comment>
    <comment ref="AA24" authorId="0" shapeId="0" xr:uid="{00000000-0006-0000-0100-000049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revize detskeho hriste</t>
        </r>
      </text>
    </comment>
    <comment ref="P25" authorId="1" shapeId="0" xr:uid="{45F8D24C-F522-4360-B6FB-E60F3C5E6615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buňky na hřiště</t>
        </r>
      </text>
    </comment>
    <comment ref="AA25" authorId="1" shapeId="0" xr:uid="{E6C47DBB-3126-4C0C-B67B-F47CBD41FD3C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služby spojené s instalací apod.</t>
        </r>
      </text>
    </comment>
    <comment ref="P28" authorId="1" shapeId="0" xr:uid="{5ADA6404-3041-418D-B7DD-2BF08663BD33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opravy bytu</t>
        </r>
      </text>
    </comment>
    <comment ref="AB28" authorId="1" shapeId="0" xr:uid="{3A8DB378-65A5-4AEE-8A2E-FA5AAA31C951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služby k bytu</t>
        </r>
      </text>
    </comment>
    <comment ref="S30" authorId="0" shapeId="0" xr:uid="{00000000-0006-0000-0100-000060000000}">
      <text>
        <r>
          <rPr>
            <sz val="11"/>
            <color theme="1"/>
            <rFont val="Arial"/>
            <family val="2"/>
            <charset val="238"/>
            <scheme val="minor"/>
          </rPr>
          <t>verejne osvetleni obec elektřina</t>
        </r>
      </text>
    </comment>
    <comment ref="AA30" authorId="0" shapeId="0" xr:uid="{00000000-0006-0000-0100-00003F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osazeni sloupu verejne osvetleni apod.</t>
        </r>
      </text>
    </comment>
    <comment ref="AA33" authorId="1" shapeId="0" xr:uid="{C10C93E6-40BB-419D-B6D6-CC55C3D485D7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vícepráce k ÚP
</t>
        </r>
      </text>
    </comment>
    <comment ref="AU33" authorId="0" shapeId="0" xr:uid="{00000000-0006-0000-0100-000001000000}">
      <text>
        <r>
          <rPr>
            <sz val="11"/>
            <color theme="1"/>
            <rFont val="Arial"/>
            <family val="2"/>
            <charset val="238"/>
            <scheme val="minor"/>
          </rPr>
          <t>dodělání ÚP</t>
        </r>
      </text>
    </comment>
    <comment ref="C34" authorId="0" shapeId="0" xr:uid="{00000000-0006-0000-0100-000015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lat Honzy J.</t>
        </r>
      </text>
    </comment>
    <comment ref="D34" authorId="0" shapeId="0" xr:uid="{00000000-0006-0000-0100-00004C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na dohody o provedeni prace - drobne opravy</t>
        </r>
      </text>
    </comment>
    <comment ref="F34" authorId="0" shapeId="0" xr:uid="{00000000-0006-0000-0100-000011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jistne socialni</t>
        </r>
      </text>
    </comment>
    <comment ref="G34" authorId="0" shapeId="0" xr:uid="{00000000-0006-0000-0100-000002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jistne zdravotni</t>
        </r>
      </text>
    </comment>
    <comment ref="K34" authorId="0" shapeId="0" xr:uid="{00000000-0006-0000-0100-00003E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ochranne pomucky</t>
        </r>
      </text>
    </comment>
    <comment ref="P34" authorId="0" shapeId="0" xr:uid="{00000000-0006-0000-0100-000057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drobne opravy material</t>
        </r>
      </text>
    </comment>
    <comment ref="X34" authorId="0" shapeId="0" xr:uid="{00000000-0006-0000-0100-000056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najem Správa železnic</t>
        </r>
      </text>
    </comment>
    <comment ref="Y34" authorId="0" shapeId="0" xr:uid="{00000000-0006-0000-0100-00000A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ravnik</t>
        </r>
      </text>
    </comment>
    <comment ref="AA34" authorId="0" shapeId="0" xr:uid="{00000000-0006-0000-0100-000052000000}">
      <text>
        <r>
          <rPr>
            <sz val="11"/>
            <color theme="1"/>
            <rFont val="Arial"/>
            <family val="2"/>
            <charset val="238"/>
            <scheme val="minor"/>
          </rPr>
          <t>ostatní sluzby</t>
        </r>
      </text>
    </comment>
    <comment ref="AQ34" authorId="0" shapeId="0" xr:uid="{00000000-0006-0000-0100-000038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platky</t>
        </r>
      </text>
    </comment>
    <comment ref="AS34" authorId="0" shapeId="0" xr:uid="{00000000-0006-0000-0100-000044000000}">
      <text>
        <r>
          <rPr>
            <sz val="11"/>
            <color theme="1"/>
            <rFont val="Arial"/>
            <family val="2"/>
            <charset val="238"/>
            <scheme val="minor"/>
          </rPr>
          <t>podle smernice prispevek zamestnanci na rekreaci</t>
        </r>
      </text>
    </comment>
    <comment ref="AU34" authorId="0" shapeId="0" xr:uid="{00000000-0006-0000-0100-000026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rojekty plynove pripojky  a pod.</t>
        </r>
      </text>
    </comment>
    <comment ref="M36" authorId="0" shapeId="0" xr:uid="{00000000-0006-0000-0100-000020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fotopasti, schody atd., koše</t>
        </r>
      </text>
    </comment>
    <comment ref="P36" authorId="0" shapeId="0" xr:uid="{00000000-0006-0000-0100-000042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material na odpady, pytle, rukavice, atd.</t>
        </r>
      </text>
    </comment>
    <comment ref="AA36" authorId="0" shapeId="0" xr:uid="{00000000-0006-0000-0100-000053000000}">
      <text>
        <r>
          <rPr>
            <sz val="11"/>
            <color theme="1"/>
            <rFont val="Arial"/>
            <family val="2"/>
            <charset val="238"/>
            <scheme val="minor"/>
          </rPr>
          <t>2022 k říjnu 1,9 mil. Kč, předpoklad 2,5</t>
        </r>
      </text>
    </comment>
    <comment ref="AV36" authorId="1" shapeId="0" xr:uid="{5BAF7E91-A971-4B9B-B13E-C1BEF8A31047}">
      <text>
        <r>
          <rPr>
            <sz val="9"/>
            <color indexed="81"/>
            <rFont val="Tahoma"/>
            <family val="2"/>
            <charset val="238"/>
          </rPr>
          <t xml:space="preserve">
vystavba kontejneroveho stani</t>
        </r>
      </text>
    </comment>
    <comment ref="D37" authorId="0" shapeId="0" xr:uid="{00000000-0006-0000-0100-000013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dohody, kontroly kontejneru, atd.
Chocholatý</t>
        </r>
      </text>
    </comment>
    <comment ref="M37" authorId="0" shapeId="0" xr:uid="{00000000-0006-0000-0100-000029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sekacka, krovinorez….</t>
        </r>
      </text>
    </comment>
    <comment ref="P37" authorId="0" shapeId="0" xr:uid="{00000000-0006-0000-0100-000007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stromy, semena, půda..</t>
        </r>
      </text>
    </comment>
    <comment ref="T37" authorId="0" shapeId="0" xr:uid="{00000000-0006-0000-0100-00005C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honne hmoty</t>
        </r>
      </text>
    </comment>
    <comment ref="W37" authorId="0" shapeId="0" xr:uid="{00000000-0006-0000-0100-000046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jisteni multikara, valník, traktor</t>
        </r>
      </text>
    </comment>
    <comment ref="AA37" authorId="0" shapeId="0" xr:uid="{00000000-0006-0000-0100-000043000000}">
      <text>
        <r>
          <rPr>
            <sz val="11"/>
            <color theme="1"/>
            <rFont val="Arial"/>
            <family val="2"/>
            <charset val="238"/>
            <scheme val="minor"/>
          </rPr>
          <t>kácení stromů, úprava prostranství</t>
        </r>
      </text>
    </comment>
    <comment ref="AB37" authorId="0" shapeId="0" xr:uid="{00000000-0006-0000-0100-00002C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opravy a udrzba techniky</t>
        </r>
      </text>
    </comment>
    <comment ref="D40" authorId="0" shapeId="0" xr:uid="{00000000-0006-0000-0100-00004D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skoleni hasicu na dohodu</t>
        </r>
      </text>
    </comment>
    <comment ref="M40" authorId="0" shapeId="0" xr:uid="{00000000-0006-0000-0100-000025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drobne hmotne prsotredky, obleky apod.</t>
        </r>
      </text>
    </comment>
    <comment ref="P40" authorId="0" shapeId="0" xr:uid="{00000000-0006-0000-0100-00005A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material - drobnosti, nářadí</t>
        </r>
      </text>
    </comment>
    <comment ref="T40" authorId="0" shapeId="0" xr:uid="{00000000-0006-0000-0100-000014000000}">
      <text>
        <r>
          <rPr>
            <sz val="11"/>
            <color theme="1"/>
            <rFont val="Arial"/>
            <family val="2"/>
            <charset val="238"/>
            <scheme val="minor"/>
          </rPr>
          <t>pohonné hmoty</t>
        </r>
      </text>
    </comment>
    <comment ref="V40" authorId="0" shapeId="0" xr:uid="{00000000-0006-0000-0100-000050000000}">
      <text>
        <r>
          <rPr>
            <sz val="11"/>
            <color theme="1"/>
            <rFont val="Arial"/>
            <family val="2"/>
            <charset val="238"/>
            <scheme val="minor"/>
          </rPr>
          <t>telefony</t>
        </r>
      </text>
    </comment>
    <comment ref="Z40" authorId="0" shapeId="0" xr:uid="{00000000-0006-0000-0100-000006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skoleni - velitelé...</t>
        </r>
      </text>
    </comment>
    <comment ref="AA40" authorId="0" shapeId="0" xr:uid="{00000000-0006-0000-0100-000047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nakup sluzeb</t>
        </r>
      </text>
    </comment>
    <comment ref="AB40" authorId="0" shapeId="0" xr:uid="{00000000-0006-0000-0100-00002F000000}">
      <text>
        <r>
          <rPr>
            <sz val="11"/>
            <color theme="1"/>
            <rFont val="Arial"/>
            <family val="2"/>
            <charset val="238"/>
            <scheme val="minor"/>
          </rPr>
          <t>opravy aut</t>
        </r>
      </text>
    </comment>
    <comment ref="AT41" authorId="0" shapeId="0" xr:uid="{00000000-0006-0000-0100-000040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rezerva na krizove opatreni - povodně…. </t>
        </r>
      </text>
    </comment>
    <comment ref="E42" authorId="0" shapeId="0" xr:uid="{00000000-0006-0000-0100-00002E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laty zastupitelu</t>
        </r>
      </text>
    </comment>
    <comment ref="G42" authorId="0" shapeId="0" xr:uid="{00000000-0006-0000-0100-000051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zdravotni pojisteni
</t>
        </r>
      </text>
    </comment>
    <comment ref="Z42" authorId="0" shapeId="0" xr:uid="{00000000-0006-0000-0100-00003D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skoleni</t>
        </r>
      </text>
    </comment>
    <comment ref="AC42" authorId="0" shapeId="0" xr:uid="{00000000-0006-0000-0100-000008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cestovne</t>
        </r>
      </text>
    </comment>
    <comment ref="C45" authorId="0" shapeId="0" xr:uid="{00000000-0006-0000-0100-000037000000}">
      <text>
        <r>
          <rPr>
            <sz val="11"/>
            <color theme="1"/>
            <rFont val="Arial"/>
            <family val="2"/>
            <charset val="238"/>
            <scheme val="minor"/>
          </rPr>
          <t>Hanka plat</t>
        </r>
      </text>
    </comment>
    <comment ref="D45" authorId="0" shapeId="0" xr:uid="{00000000-0006-0000-0100-00005B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dohody uklid atd.</t>
        </r>
      </text>
    </comment>
    <comment ref="F45" authorId="0" shapeId="0" xr:uid="{00000000-0006-0000-0100-00003A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socialni pojisteni</t>
        </r>
      </text>
    </comment>
    <comment ref="G45" authorId="0" shapeId="0" xr:uid="{00000000-0006-0000-0100-00001E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zdravotni pojisteni</t>
        </r>
      </text>
    </comment>
    <comment ref="I45" authorId="0" shapeId="0" xr:uid="{00000000-0006-0000-0100-000036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zakonne pojisteni zamestnavatele</t>
        </r>
      </text>
    </comment>
    <comment ref="J45" authorId="1" shapeId="0" xr:uid="{21169761-6730-46E8-9401-DBBA75FE7F79}">
      <text>
        <r>
          <rPr>
            <b/>
            <sz val="9"/>
            <color indexed="81"/>
            <rFont val="Tahoma"/>
            <family val="2"/>
            <charset val="238"/>
          </rPr>
          <t>Nespor, Robert:</t>
        </r>
        <r>
          <rPr>
            <sz val="9"/>
            <color indexed="81"/>
            <rFont val="Tahoma"/>
            <family val="2"/>
            <charset val="238"/>
          </rPr>
          <t xml:space="preserve">
roušky, testy</t>
        </r>
      </text>
    </comment>
    <comment ref="L45" authorId="0" shapeId="0" xr:uid="{00000000-0006-0000-0100-000017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knihy tisky</t>
        </r>
      </text>
    </comment>
    <comment ref="M45" authorId="0" shapeId="0" xr:uid="{00000000-0006-0000-0100-000010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vybaveni obce, kancelare</t>
        </r>
      </text>
    </comment>
    <comment ref="N45" authorId="0" shapeId="0" xr:uid="{00000000-0006-0000-0100-00005F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nakup zbozi</t>
        </r>
      </text>
    </comment>
    <comment ref="P45" authorId="0" shapeId="0" xr:uid="{00000000-0006-0000-0100-00001F000000}">
      <text>
        <r>
          <rPr>
            <sz val="11"/>
            <color theme="1"/>
            <rFont val="Arial"/>
            <family val="2"/>
            <charset val="238"/>
            <scheme val="minor"/>
          </rPr>
          <t>material - tonery</t>
        </r>
      </text>
    </comment>
    <comment ref="Q45" authorId="0" shapeId="0" xr:uid="{00000000-0006-0000-0100-00001A000000}">
      <text>
        <r>
          <rPr>
            <sz val="11"/>
            <color theme="1"/>
            <rFont val="Arial"/>
            <family val="2"/>
            <charset val="238"/>
            <scheme val="minor"/>
          </rPr>
          <t>voda z kohoutku pro občany co jim došla voda nebo mají špatnou</t>
        </r>
      </text>
    </comment>
    <comment ref="R45" authorId="0" shapeId="0" xr:uid="{00000000-0006-0000-0100-000019000000}">
      <text>
        <r>
          <rPr>
            <sz val="11"/>
            <color theme="1"/>
            <rFont val="Arial"/>
            <family val="2"/>
            <charset val="238"/>
            <scheme val="minor"/>
          </rPr>
          <t>plyn</t>
        </r>
      </text>
    </comment>
    <comment ref="S45" authorId="0" shapeId="0" xr:uid="{00000000-0006-0000-0100-000045000000}">
      <text>
        <r>
          <rPr>
            <sz val="11"/>
            <color theme="1"/>
            <rFont val="Arial"/>
            <family val="2"/>
            <charset val="238"/>
            <scheme val="minor"/>
          </rPr>
          <t>energie - včetně domečku voda nad tratí</t>
        </r>
      </text>
    </comment>
    <comment ref="U45" authorId="0" shapeId="0" xr:uid="{00000000-0006-0000-0100-000012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sta</t>
        </r>
      </text>
    </comment>
    <comment ref="V45" authorId="0" shapeId="0" xr:uid="{00000000-0006-0000-0100-000028000000}">
      <text>
        <r>
          <rPr>
            <sz val="11"/>
            <color theme="1"/>
            <rFont val="Arial"/>
            <family val="2"/>
            <charset val="238"/>
            <scheme val="minor"/>
          </rPr>
          <t>telekom, CRA</t>
        </r>
      </text>
    </comment>
    <comment ref="W45" authorId="0" shapeId="0" xr:uid="{00000000-0006-0000-0100-000018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pojisteni obce</t>
        </r>
      </text>
    </comment>
    <comment ref="Z45" authorId="0" shapeId="0" xr:uid="{00000000-0006-0000-0100-00000F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skoleni</t>
        </r>
      </text>
    </comment>
    <comment ref="AA45" authorId="0" shapeId="0" xr:uid="{00000000-0006-0000-0100-000024000000}">
      <text>
        <r>
          <rPr>
            <sz val="11"/>
            <color theme="1"/>
            <rFont val="Arial"/>
            <family val="2"/>
            <charset val="238"/>
            <scheme val="minor"/>
          </rPr>
          <t>poplatky GDPR, revize elektro, sluzby IT, malování….</t>
        </r>
      </text>
    </comment>
    <comment ref="AB45" authorId="0" shapeId="0" xr:uid="{00000000-0006-0000-0100-00000D000000}">
      <text>
        <r>
          <rPr>
            <sz val="11"/>
            <color theme="1"/>
            <rFont val="Arial"/>
            <family val="2"/>
            <charset val="238"/>
            <scheme val="minor"/>
          </rPr>
          <t>opravy obecniho uradu</t>
        </r>
      </text>
    </comment>
    <comment ref="AC45" authorId="0" shapeId="0" xr:uid="{00000000-0006-0000-0100-000031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cestovne</t>
        </r>
      </text>
    </comment>
    <comment ref="AD45" authorId="0" shapeId="0" xr:uid="{00000000-0006-0000-0100-000039000000}">
      <text>
        <r>
          <rPr>
            <sz val="11"/>
            <color theme="1"/>
            <rFont val="Arial"/>
            <family val="2"/>
            <charset val="238"/>
            <scheme val="minor"/>
          </rPr>
          <t>pohosteni - voda, káva apod.</t>
        </r>
      </text>
    </comment>
    <comment ref="AS45" authorId="0" shapeId="0" xr:uid="{00000000-0006-0000-0100-00004F000000}">
      <text>
        <r>
          <rPr>
            <sz val="11"/>
            <color theme="1"/>
            <rFont val="Arial"/>
            <family val="2"/>
            <charset val="238"/>
            <scheme val="minor"/>
          </rPr>
          <t>Hanka rekreace prispevek</t>
        </r>
      </text>
    </comment>
    <comment ref="W46" authorId="0" shapeId="0" xr:uid="{00000000-0006-0000-0100-00003B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vedeni uctu</t>
        </r>
      </text>
    </comment>
    <comment ref="AH50" authorId="0" shapeId="0" xr:uid="{00000000-0006-0000-0100-000023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obecne prospesne prispevky Hospic, RUAH a zdrav. postižení</t>
        </r>
      </text>
    </comment>
    <comment ref="AI50" authorId="0" shapeId="0" xr:uid="{00000000-0006-0000-0100-000035000000}">
      <text>
        <r>
          <rPr>
            <sz val="11"/>
            <color theme="1"/>
            <rFont val="Arial"/>
            <family val="2"/>
            <charset val="238"/>
            <scheme val="minor"/>
          </rPr>
          <t>prispevky spolkum - Čistá řeka, SMS, fauna flora</t>
        </r>
      </text>
    </comment>
    <comment ref="AJ50" authorId="0" shapeId="0" xr:uid="{00000000-0006-0000-0100-00000E000000}">
      <text>
        <r>
          <rPr>
            <sz val="11"/>
            <color theme="1"/>
            <rFont val="Arial"/>
            <family val="2"/>
            <charset val="238"/>
            <scheme val="minor"/>
          </rPr>
          <t>kostel</t>
        </r>
      </text>
    </comment>
    <comment ref="AK50" authorId="0" shapeId="0" xr:uid="{00000000-0006-0000-0100-00005E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Dráče, památky - Hlásky</t>
        </r>
      </text>
    </comment>
    <comment ref="AQ50" authorId="0" shapeId="0" xr:uid="{00000000-0006-0000-0100-000032000000}">
      <text>
        <r>
          <rPr>
            <sz val="11"/>
            <color theme="1"/>
            <rFont val="Arial"/>
            <family val="2"/>
            <charset val="238"/>
            <scheme val="minor"/>
          </rPr>
          <t xml:space="preserve">
dan z prijmu za obec</t>
        </r>
      </text>
    </comment>
  </commentList>
  <extLst>
    <ext xmlns:r="http://schemas.openxmlformats.org/officeDocument/2006/relationships" uri="GoogleSheetsCustomDataVersion1">
      <go:sheetsCustomData xmlns:go="http://customooxmlschemas.google.com/" r:id="rId1" roundtripDataSignature="AMtx7mjxm2WkluiM9MCRYLkqkSTv4eI1Ug=="/>
    </ext>
  </extLst>
</comments>
</file>

<file path=xl/sharedStrings.xml><?xml version="1.0" encoding="utf-8"?>
<sst xmlns="http://schemas.openxmlformats.org/spreadsheetml/2006/main" count="325" uniqueCount="211">
  <si>
    <t>Rozpočtové příjmy třídy 1</t>
  </si>
  <si>
    <t>Druh příjmu</t>
  </si>
  <si>
    <t>Položka dle RS</t>
  </si>
  <si>
    <t>NÁZEV PŘÍJMU</t>
  </si>
  <si>
    <t>Částka v tis. Kč</t>
  </si>
  <si>
    <r>
      <rPr>
        <b/>
        <sz val="10"/>
        <color theme="1"/>
        <rFont val="Arial"/>
        <family val="2"/>
        <charset val="238"/>
      </rPr>
      <t>Obecní  úřad - ČTYŘKOLY</t>
    </r>
    <r>
      <rPr>
        <sz val="10"/>
        <color theme="1"/>
        <rFont val="Arial CE1"/>
      </rPr>
      <t xml:space="preserve">            </t>
    </r>
    <r>
      <rPr>
        <sz val="10"/>
        <color theme="1"/>
        <rFont val="Arial CE1"/>
      </rPr>
      <t xml:space="preserve">           </t>
    </r>
    <r>
      <rPr>
        <b/>
        <sz val="10"/>
        <color theme="1"/>
        <rFont val="Arial CE"/>
      </rPr>
      <t xml:space="preserve">  </t>
    </r>
    <r>
      <rPr>
        <sz val="10"/>
        <color theme="1"/>
        <rFont val="Arial CE1"/>
      </rPr>
      <t xml:space="preserve">   </t>
    </r>
    <r>
      <rPr>
        <sz val="10"/>
        <color theme="1"/>
        <rFont val="Arial CE1"/>
      </rPr>
      <t xml:space="preserve">                </t>
    </r>
    <r>
      <rPr>
        <sz val="10"/>
        <color theme="1"/>
        <rFont val="Arial CE1"/>
      </rPr>
      <t xml:space="preserve">                </t>
    </r>
    <r>
      <rPr>
        <sz val="10"/>
        <color theme="1"/>
        <rFont val="Arial CE1"/>
      </rPr>
      <t xml:space="preserve">    </t>
    </r>
  </si>
  <si>
    <t xml:space="preserve">Vyvěšeno: </t>
  </si>
  <si>
    <t xml:space="preserve"> IČO: 508519</t>
  </si>
  <si>
    <t>Okres: BENEŠOV</t>
  </si>
  <si>
    <t>Daň z příjmů fyzických osob ze závislé činnosti</t>
  </si>
  <si>
    <t>Rozpočtové příjmy tříd 2+3</t>
  </si>
  <si>
    <t>v tisících Kč</t>
  </si>
  <si>
    <t>Daň z příjmů fyzických osob ze sam. výděl. činnosti</t>
  </si>
  <si>
    <t>Paragraf</t>
  </si>
  <si>
    <t>Odvětví dle RS</t>
  </si>
  <si>
    <t>Třída 2 - Nedaňové příjmy</t>
  </si>
  <si>
    <t>Tř.3 Kapitál. příjmy</t>
  </si>
  <si>
    <t>Daň z příjmů fyzických osob z kapitál. výnosů</t>
  </si>
  <si>
    <t>z vlastní činnosti</t>
  </si>
  <si>
    <t>z pronájmu majetku</t>
  </si>
  <si>
    <t>Příjmy z podílu na zisku a dividendy</t>
  </si>
  <si>
    <t>Dary</t>
  </si>
  <si>
    <t>Přijaté pojistné náhrady</t>
  </si>
  <si>
    <t>přijaté nekapitálové příspěvky a náhrady</t>
  </si>
  <si>
    <t>příjmy za úroky</t>
  </si>
  <si>
    <t>za prodej invest.majet.</t>
  </si>
  <si>
    <t>Daň z příjmů právnických osob</t>
  </si>
  <si>
    <t>za služby    a výrobky</t>
  </si>
  <si>
    <t>z prodeje   zboží</t>
  </si>
  <si>
    <t>za věcné břemeno</t>
  </si>
  <si>
    <t>za pozemky</t>
  </si>
  <si>
    <t>ostat.   nemovit.</t>
  </si>
  <si>
    <t>za reklamu</t>
  </si>
  <si>
    <t>pozemky</t>
  </si>
  <si>
    <t>ost.  nemovit.</t>
  </si>
  <si>
    <t>přijaté příspěvky</t>
  </si>
  <si>
    <t>Daň z příjmů právnických osob za  obce</t>
  </si>
  <si>
    <t>Daň z přidané hodnoty</t>
  </si>
  <si>
    <t>Lesní hosp.-pěsteb.činnost</t>
  </si>
  <si>
    <t>Příjem za odnětí půdy</t>
  </si>
  <si>
    <t>Vnitřní obchod, služby</t>
  </si>
  <si>
    <t>Zálež. ost. drah - vleky</t>
  </si>
  <si>
    <t>Poplatky ze psů</t>
  </si>
  <si>
    <t>Pitná voda -vodovody, studny</t>
  </si>
  <si>
    <t>Poplatky za lázeňský nebo rekreační pobyt</t>
  </si>
  <si>
    <t>Odvádění odpad.vod</t>
  </si>
  <si>
    <t>Poplatky za užívání veřejného prostranství</t>
  </si>
  <si>
    <t>Obecní rybníky</t>
  </si>
  <si>
    <t>Poplatky ze vstupného</t>
  </si>
  <si>
    <t>Mateřské školy</t>
  </si>
  <si>
    <t>Základní škola</t>
  </si>
  <si>
    <t>Školní stravování</t>
  </si>
  <si>
    <t>Správní poplatky</t>
  </si>
  <si>
    <t>Místní kina</t>
  </si>
  <si>
    <t>Daň z hazardních her</t>
  </si>
  <si>
    <t>Místní knihovny</t>
  </si>
  <si>
    <t>Daň z nemovitosti</t>
  </si>
  <si>
    <t>Zájm. činnost v kultuře (KD)</t>
  </si>
  <si>
    <t>SPOZ</t>
  </si>
  <si>
    <t>Sport.zařízení v majetku obce</t>
  </si>
  <si>
    <t>Třída 1</t>
  </si>
  <si>
    <t>Daňové příjmy                                                celkem</t>
  </si>
  <si>
    <t>Tělových. činnost j.n.</t>
  </si>
  <si>
    <t>Třída 2</t>
  </si>
  <si>
    <t>Nedaňové příjmy                                            celkem</t>
  </si>
  <si>
    <t>Zájm. čin. a rekreace j.n.</t>
  </si>
  <si>
    <t>Třída 3</t>
  </si>
  <si>
    <t>Kapitálové příjmy                                           celkem</t>
  </si>
  <si>
    <t>Bytové hospodářství</t>
  </si>
  <si>
    <t>VLASTNÍ PŘÍJMY   (třídy 1 - 3)</t>
  </si>
  <si>
    <t>Pronájem nebytových prostor</t>
  </si>
  <si>
    <t>Neinvestiční dotace přijaté ze ze všeobecné pokladní správy SR (volby)</t>
  </si>
  <si>
    <t>Veřejné osvětlení</t>
  </si>
  <si>
    <t>Neinvestiční dotace přijaté ze SR v rámci souhrn. finančního vztahu</t>
  </si>
  <si>
    <t>Pohřebnictví</t>
  </si>
  <si>
    <t>Ostatní neinvestiční dotace přijaté ze SR (likvidace povodní)</t>
  </si>
  <si>
    <t>Místní inž. Sítě</t>
  </si>
  <si>
    <t>Neinvestiční dotace přijaté od obcí (např. provoz škol, skládky atd..)</t>
  </si>
  <si>
    <t>Komun.služby a územ.rozvoj</t>
  </si>
  <si>
    <t>Neinvestiční dotace přijaté od krajů</t>
  </si>
  <si>
    <t>Sběr a svoz komunál. odpadů</t>
  </si>
  <si>
    <t>Převody z rozpočtových účtů</t>
  </si>
  <si>
    <t>Veřejná zeleň</t>
  </si>
  <si>
    <t>Ostatní investiční dotace přijaté ze SR</t>
  </si>
  <si>
    <t>Pečovatelská služba DsPS</t>
  </si>
  <si>
    <t>Investiční dotace od krajů</t>
  </si>
  <si>
    <t>Činnost místní správy</t>
  </si>
  <si>
    <t>Třída 4</t>
  </si>
  <si>
    <t>PŘIJATÉ DOTACE                                                celkem</t>
  </si>
  <si>
    <t>Obecné příjmy z fin. operací</t>
  </si>
  <si>
    <t>Třída</t>
  </si>
  <si>
    <t>ÚHRNEM</t>
  </si>
  <si>
    <t>Ostatní činnost</t>
  </si>
  <si>
    <t>1 - 4</t>
  </si>
  <si>
    <t>PŘÍJMY</t>
  </si>
  <si>
    <t>R o z d í l   p ř í j m ů   a   v ý d a j ů   (+,-)</t>
  </si>
  <si>
    <t>Třída 8</t>
  </si>
  <si>
    <t>F I N A N C O V Á N Í</t>
  </si>
  <si>
    <t>Změna stavu peněžních prostředků na bankovním účtu</t>
  </si>
  <si>
    <t>Dlouhodobě přijaté půjčky (včetně úvěrů,přechod.výpomocí a půjček)</t>
  </si>
  <si>
    <t>Splátky dlouhodob.přijatých půjček (          -   "    -          )</t>
  </si>
  <si>
    <t>Krátkodobý úvěr</t>
  </si>
  <si>
    <t>Splátky krátkodobých úvěrů</t>
  </si>
  <si>
    <t>Celkem třídy 2+3</t>
  </si>
  <si>
    <t>check</t>
  </si>
  <si>
    <t>Rozpočtové výdaje</t>
  </si>
  <si>
    <t>v tisicích Kč</t>
  </si>
  <si>
    <t>Odvětví rozpočtové skladby</t>
  </si>
  <si>
    <t>Platy zaměstnanců</t>
  </si>
  <si>
    <t>Ostat.osob. výdaje</t>
  </si>
  <si>
    <t>Odměny členů ZO</t>
  </si>
  <si>
    <t xml:space="preserve">Pojistné,sociál.zabezp. ,příspěvky na PZ    </t>
  </si>
  <si>
    <t>Pojistné na ZP</t>
  </si>
  <si>
    <t>Povinné pojištění úraz.</t>
  </si>
  <si>
    <t>Ostatní povinné pojištění</t>
  </si>
  <si>
    <t>Léky, zdrav. Materiál</t>
  </si>
  <si>
    <t>Ochranné pomůcky</t>
  </si>
  <si>
    <t>Knihy,učeb.pomůcky</t>
  </si>
  <si>
    <t>DHM dlouhodobý</t>
  </si>
  <si>
    <t>Nákup zboží</t>
  </si>
  <si>
    <t>Nákup mater. j.n.</t>
  </si>
  <si>
    <t>Voda</t>
  </si>
  <si>
    <t>Plyn</t>
  </si>
  <si>
    <t>Elektrická energie</t>
  </si>
  <si>
    <t>PHM,maziva</t>
  </si>
  <si>
    <t>Služby pošt</t>
  </si>
  <si>
    <t>Telekom. a radiokom. služby</t>
  </si>
  <si>
    <t>Služby peněž.ústavů</t>
  </si>
  <si>
    <t>Nájemné</t>
  </si>
  <si>
    <t>Poradenské služby</t>
  </si>
  <si>
    <t>Sˇkolení a vzdělávání</t>
  </si>
  <si>
    <t>Nákup služeb j.n.</t>
  </si>
  <si>
    <t>Opravy a udržování</t>
  </si>
  <si>
    <t>Cestovné</t>
  </si>
  <si>
    <t>Pohoštění</t>
  </si>
  <si>
    <t>Neinvestiční příspěvky (OSA, pohřebné)</t>
  </si>
  <si>
    <t>Dopravní obslužnost</t>
  </si>
  <si>
    <t>Věcné dary</t>
  </si>
  <si>
    <t>neinvestiční transfery</t>
  </si>
  <si>
    <t>Neinv. Dotace sdružením</t>
  </si>
  <si>
    <t>Dar církvím</t>
  </si>
  <si>
    <t>Dotace neziskovým organizacím (svay měst a obcí)</t>
  </si>
  <si>
    <t>Neinvest.transfery obcím (školy)</t>
  </si>
  <si>
    <t>Sdružení obcí        Malé Posázaví</t>
  </si>
  <si>
    <t>Neinvestiční příspěvky ost. přísp. org.</t>
  </si>
  <si>
    <t>Nákup kolků</t>
  </si>
  <si>
    <t>Platby daní a poplatků</t>
  </si>
  <si>
    <t>Neinv. Transfery obyvatelstvu</t>
  </si>
  <si>
    <t>Rezerva na krozová opatření</t>
  </si>
  <si>
    <t>Ostatní nákupy (projekty)</t>
  </si>
  <si>
    <t>Budovy, haly a stavby</t>
  </si>
  <si>
    <t>Stroje, přístroje a zařízení</t>
  </si>
  <si>
    <t>Dopravní prostředky</t>
  </si>
  <si>
    <t>Výdaje celkem</t>
  </si>
  <si>
    <t>Lesní hospod. - pěst.činnost</t>
  </si>
  <si>
    <t>Vnitřní obchod a služby</t>
  </si>
  <si>
    <t>Silnice</t>
  </si>
  <si>
    <t>Ostatní záležitosti poz. komunikací</t>
  </si>
  <si>
    <t>Provoz veřej.silniční dopravy</t>
  </si>
  <si>
    <t>Pitná voda,vodovody,studny</t>
  </si>
  <si>
    <t>Kanalizace, ČOV</t>
  </si>
  <si>
    <t>Obec.rybníky, nádrže</t>
  </si>
  <si>
    <t>Základní školy</t>
  </si>
  <si>
    <t>Záležitosti kultury (kroniky..)</t>
  </si>
  <si>
    <t>Památky míst. významu</t>
  </si>
  <si>
    <t>Zpravodaje, místní noviny</t>
  </si>
  <si>
    <t>Zájmová kult.činnost (KD,OB)</t>
  </si>
  <si>
    <t>Sbory pro občanské zálež.</t>
  </si>
  <si>
    <t>Využití volného času dětí a mládeže</t>
  </si>
  <si>
    <t>Tělovýchovná činnost j.n.</t>
  </si>
  <si>
    <t>Zájm. činnost a rekreace</t>
  </si>
  <si>
    <t>Nebytové hospodářství</t>
  </si>
  <si>
    <t>Místní inžen.sítě (plyn, elekt.)</t>
  </si>
  <si>
    <t>Územní plánování</t>
  </si>
  <si>
    <t>Komun.služby a úz.rozvoj obce</t>
  </si>
  <si>
    <t>Nebezpečný odpad</t>
  </si>
  <si>
    <t>Sběr a svoz komun. odpadu</t>
  </si>
  <si>
    <t>Vzhled obce,veřejná zeleň</t>
  </si>
  <si>
    <t>Pečovatelská služba</t>
  </si>
  <si>
    <t>Bezpečnost - obecní policie</t>
  </si>
  <si>
    <t>Požární ochrana-dobrov.sbor</t>
  </si>
  <si>
    <t>Krizová opatření</t>
  </si>
  <si>
    <t>Místní zastupitel. orgány</t>
  </si>
  <si>
    <t>Volby - Posl. Sněmovna</t>
  </si>
  <si>
    <t>Volby - Obec. zastupitelstvo</t>
  </si>
  <si>
    <t>Daň z příjmu za obec</t>
  </si>
  <si>
    <t>Fin. vypořádání z minulých let</t>
  </si>
  <si>
    <t>Ostatní činnosti, rezervy</t>
  </si>
  <si>
    <t>SOUHRN VÝDAJE</t>
  </si>
  <si>
    <t>uprava</t>
  </si>
  <si>
    <t>z</t>
  </si>
  <si>
    <t>na</t>
  </si>
  <si>
    <t>poznamky</t>
  </si>
  <si>
    <t>prijmy</t>
  </si>
  <si>
    <t>v tis. CZK</t>
  </si>
  <si>
    <t>vydaje</t>
  </si>
  <si>
    <r>
      <t>Starosta:</t>
    </r>
    <r>
      <rPr>
        <sz val="10"/>
        <color theme="1"/>
        <rFont val="Arial CE"/>
      </rPr>
      <t xml:space="preserve"> Vladislav Horák</t>
    </r>
  </si>
  <si>
    <r>
      <t>Předseda finančního výboru</t>
    </r>
    <r>
      <rPr>
        <sz val="10"/>
        <color theme="1"/>
        <rFont val="Arial CE"/>
      </rPr>
      <t>: Robert Nešpor</t>
    </r>
  </si>
  <si>
    <t>Poplatky za odpad</t>
  </si>
  <si>
    <t>Neinvestiční transfery krajům</t>
  </si>
  <si>
    <t>Neinvestiční transfery krajům - dopravní obslužnost</t>
  </si>
  <si>
    <t>Sportovní zařízení ve vlastnictví obce</t>
  </si>
  <si>
    <t>Obecné výdaje z fin. operací</t>
  </si>
  <si>
    <t xml:space="preserve"> </t>
  </si>
  <si>
    <t>Rozpočet 2022</t>
  </si>
  <si>
    <t>čerpání rozpočtu 2022 skutečnost + předpoklad do konce roku 2022</t>
  </si>
  <si>
    <t xml:space="preserve"> rozpočet 2023</t>
  </si>
  <si>
    <t>Souhrn</t>
  </si>
  <si>
    <t>VÝDAJE</t>
  </si>
  <si>
    <t>NÁZEV PŘÍJMU - TŘÍDA 1</t>
  </si>
  <si>
    <t>Poplatek za komunální odpa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-* #,##0.00_-;\-* #,##0.00_-;_-* &quot;-&quot;??_-;_-@_-"/>
    <numFmt numFmtId="164" formatCode="#,##0.0"/>
    <numFmt numFmtId="165" formatCode="0.0"/>
    <numFmt numFmtId="166" formatCode="#"/>
  </numFmts>
  <fonts count="22">
    <font>
      <sz val="11"/>
      <color theme="1"/>
      <name val="Arial"/>
      <scheme val="minor"/>
    </font>
    <font>
      <b/>
      <i/>
      <sz val="12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1"/>
      <name val="Arial"/>
      <family val="2"/>
      <charset val="238"/>
    </font>
    <font>
      <i/>
      <sz val="10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b/>
      <i/>
      <sz val="10"/>
      <color theme="1"/>
      <name val="Arial"/>
      <family val="2"/>
      <charset val="238"/>
    </font>
    <font>
      <sz val="10"/>
      <color rgb="FFFFFFFF"/>
      <name val="Arial"/>
      <family val="2"/>
      <charset val="238"/>
    </font>
    <font>
      <b/>
      <sz val="8"/>
      <color theme="1"/>
      <name val="Arial"/>
      <family val="2"/>
      <charset val="238"/>
    </font>
    <font>
      <sz val="11"/>
      <color theme="1"/>
      <name val="Arial"/>
      <family val="2"/>
      <charset val="238"/>
      <scheme val="minor"/>
    </font>
    <font>
      <sz val="10"/>
      <color theme="1"/>
      <name val="Arial CE1"/>
    </font>
    <font>
      <b/>
      <sz val="10"/>
      <color theme="1"/>
      <name val="Arial CE"/>
    </font>
    <font>
      <sz val="10"/>
      <color theme="1"/>
      <name val="Arial CE"/>
    </font>
    <font>
      <sz val="9"/>
      <color indexed="81"/>
      <name val="Tahoma"/>
      <family val="2"/>
      <charset val="238"/>
    </font>
    <font>
      <b/>
      <sz val="9"/>
      <color indexed="81"/>
      <name val="Tahoma"/>
      <family val="2"/>
      <charset val="238"/>
    </font>
    <font>
      <sz val="10"/>
      <color theme="1"/>
      <name val="Arial"/>
      <family val="2"/>
      <charset val="238"/>
    </font>
    <font>
      <sz val="10"/>
      <color theme="1"/>
      <name val="Arial"/>
      <family val="2"/>
      <charset val="238"/>
      <scheme val="minor"/>
    </font>
    <font>
      <b/>
      <sz val="10"/>
      <color theme="1"/>
      <name val="Arial"/>
      <family val="2"/>
      <charset val="238"/>
      <scheme val="minor"/>
    </font>
    <font>
      <sz val="11"/>
      <color theme="1"/>
      <name val="Arial"/>
      <scheme val="minor"/>
    </font>
    <font>
      <sz val="10"/>
      <name val="Arial"/>
      <family val="2"/>
      <charset val="238"/>
    </font>
  </fonts>
  <fills count="11">
    <fill>
      <patternFill patternType="none"/>
    </fill>
    <fill>
      <patternFill patternType="gray125"/>
    </fill>
    <fill>
      <patternFill patternType="solid">
        <fgColor rgb="FFFFFF99"/>
        <bgColor rgb="FFFFFF99"/>
      </patternFill>
    </fill>
    <fill>
      <patternFill patternType="solid">
        <fgColor rgb="FFC0C0C0"/>
        <bgColor rgb="FFC0C0C0"/>
      </patternFill>
    </fill>
    <fill>
      <patternFill patternType="solid">
        <fgColor rgb="FFCCFFCC"/>
        <bgColor rgb="FFCCFFCC"/>
      </patternFill>
    </fill>
    <fill>
      <patternFill patternType="solid">
        <fgColor rgb="FFFFFFFF"/>
        <bgColor rgb="FFFFFFFF"/>
      </patternFill>
    </fill>
    <fill>
      <patternFill patternType="solid">
        <fgColor rgb="FFFFFF00"/>
        <bgColor rgb="FFFFFF00"/>
      </patternFill>
    </fill>
    <fill>
      <patternFill patternType="solid">
        <fgColor theme="0"/>
        <bgColor rgb="FFFFFF99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rgb="FFFFFF99"/>
      </patternFill>
    </fill>
    <fill>
      <patternFill patternType="solid">
        <fgColor theme="7" tint="0.79998168889431442"/>
        <bgColor indexed="64"/>
      </patternFill>
    </fill>
  </fills>
  <borders count="33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/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/>
      <bottom/>
      <diagonal/>
    </border>
    <border>
      <left/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 style="thin">
        <color rgb="FF000000"/>
      </right>
      <top/>
      <bottom/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/>
      <right/>
      <top style="thin">
        <color rgb="FF000000"/>
      </top>
      <bottom/>
      <diagonal/>
    </border>
    <border>
      <left/>
      <right/>
      <top/>
      <bottom style="thin">
        <color rgb="FF000000"/>
      </bottom>
      <diagonal/>
    </border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43" fontId="20" fillId="0" borderId="0" applyFont="0" applyFill="0" applyBorder="0" applyAlignment="0" applyProtection="0"/>
  </cellStyleXfs>
  <cellXfs count="175">
    <xf numFmtId="0" fontId="0" fillId="0" borderId="0" xfId="0" applyFont="1" applyAlignment="1"/>
    <xf numFmtId="0" fontId="1" fillId="0" borderId="0" xfId="0" applyFont="1" applyAlignment="1">
      <alignment horizontal="left"/>
    </xf>
    <xf numFmtId="0" fontId="2" fillId="0" borderId="0" xfId="0" applyFont="1"/>
    <xf numFmtId="0" fontId="3" fillId="0" borderId="0" xfId="0" applyFont="1" applyAlignment="1">
      <alignment vertical="center" textRotation="90"/>
    </xf>
    <xf numFmtId="0" fontId="2" fillId="0" borderId="0" xfId="0" applyFont="1" applyAlignment="1">
      <alignment horizontal="left"/>
    </xf>
    <xf numFmtId="0" fontId="4" fillId="0" borderId="0" xfId="0" applyFont="1"/>
    <xf numFmtId="0" fontId="4" fillId="0" borderId="7" xfId="0" applyFont="1" applyBorder="1" applyAlignment="1">
      <alignment horizontal="center"/>
    </xf>
    <xf numFmtId="0" fontId="2" fillId="0" borderId="5" xfId="0" applyFont="1" applyBorder="1"/>
    <xf numFmtId="4" fontId="3" fillId="0" borderId="5" xfId="0" applyNumberFormat="1" applyFont="1" applyBorder="1"/>
    <xf numFmtId="0" fontId="6" fillId="0" borderId="8" xfId="0" applyFont="1" applyBorder="1" applyAlignment="1">
      <alignment horizontal="right"/>
    </xf>
    <xf numFmtId="0" fontId="4" fillId="0" borderId="9" xfId="0" applyFont="1" applyBorder="1" applyAlignment="1">
      <alignment horizontal="center"/>
    </xf>
    <xf numFmtId="0" fontId="2" fillId="0" borderId="10" xfId="0" applyFont="1" applyBorder="1"/>
    <xf numFmtId="4" fontId="3" fillId="0" borderId="10" xfId="0" applyNumberFormat="1" applyFont="1" applyBorder="1"/>
    <xf numFmtId="0" fontId="7" fillId="2" borderId="10" xfId="0" applyFont="1" applyFill="1" applyBorder="1" applyAlignment="1">
      <alignment wrapText="1"/>
    </xf>
    <xf numFmtId="0" fontId="4" fillId="2" borderId="16" xfId="0" applyFont="1" applyFill="1" applyBorder="1" applyAlignment="1">
      <alignment horizontal="center"/>
    </xf>
    <xf numFmtId="0" fontId="4" fillId="2" borderId="17" xfId="0" applyFont="1" applyFill="1" applyBorder="1" applyAlignment="1">
      <alignment horizontal="center"/>
    </xf>
    <xf numFmtId="0" fontId="4" fillId="0" borderId="5" xfId="0" applyFont="1" applyBorder="1"/>
    <xf numFmtId="0" fontId="7" fillId="0" borderId="5" xfId="0" applyFont="1" applyBorder="1"/>
    <xf numFmtId="4" fontId="3" fillId="0" borderId="18" xfId="0" applyNumberFormat="1" applyFont="1" applyBorder="1"/>
    <xf numFmtId="0" fontId="4" fillId="0" borderId="19" xfId="0" applyFont="1" applyBorder="1" applyAlignment="1">
      <alignment horizontal="center"/>
    </xf>
    <xf numFmtId="0" fontId="2" fillId="0" borderId="3" xfId="0" applyFont="1" applyBorder="1"/>
    <xf numFmtId="4" fontId="3" fillId="0" borderId="3" xfId="0" applyNumberFormat="1" applyFont="1" applyBorder="1"/>
    <xf numFmtId="0" fontId="4" fillId="0" borderId="10" xfId="0" applyFont="1" applyBorder="1"/>
    <xf numFmtId="0" fontId="7" fillId="0" borderId="10" xfId="0" applyFont="1" applyBorder="1"/>
    <xf numFmtId="4" fontId="3" fillId="0" borderId="11" xfId="0" applyNumberFormat="1" applyFont="1" applyBorder="1"/>
    <xf numFmtId="0" fontId="2" fillId="0" borderId="3" xfId="0" applyFont="1" applyBorder="1" applyAlignment="1">
      <alignment horizontal="center"/>
    </xf>
    <xf numFmtId="0" fontId="4" fillId="0" borderId="3" xfId="0" applyFont="1" applyBorder="1"/>
    <xf numFmtId="0" fontId="2" fillId="0" borderId="19" xfId="0" applyFont="1" applyBorder="1" applyAlignment="1">
      <alignment horizontal="center"/>
    </xf>
    <xf numFmtId="4" fontId="4" fillId="0" borderId="3" xfId="0" applyNumberFormat="1" applyFont="1" applyBorder="1"/>
    <xf numFmtId="0" fontId="2" fillId="0" borderId="9" xfId="0" applyFont="1" applyBorder="1" applyAlignment="1">
      <alignment horizontal="center"/>
    </xf>
    <xf numFmtId="4" fontId="4" fillId="0" borderId="10" xfId="0" applyNumberFormat="1" applyFont="1" applyBorder="1"/>
    <xf numFmtId="0" fontId="2" fillId="0" borderId="7" xfId="0" applyFont="1" applyBorder="1" applyAlignment="1">
      <alignment horizontal="center"/>
    </xf>
    <xf numFmtId="4" fontId="4" fillId="0" borderId="5" xfId="0" applyNumberFormat="1" applyFont="1" applyBorder="1"/>
    <xf numFmtId="0" fontId="2" fillId="3" borderId="10" xfId="0" applyFont="1" applyFill="1" applyBorder="1"/>
    <xf numFmtId="0" fontId="2" fillId="3" borderId="20" xfId="0" applyFont="1" applyFill="1" applyBorder="1" applyAlignment="1">
      <alignment horizontal="center"/>
    </xf>
    <xf numFmtId="0" fontId="8" fillId="3" borderId="10" xfId="0" applyFont="1" applyFill="1" applyBorder="1"/>
    <xf numFmtId="4" fontId="4" fillId="3" borderId="10" xfId="0" applyNumberFormat="1" applyFont="1" applyFill="1" applyBorder="1"/>
    <xf numFmtId="0" fontId="2" fillId="0" borderId="1" xfId="0" applyFont="1" applyBorder="1" applyAlignment="1">
      <alignment horizontal="center"/>
    </xf>
    <xf numFmtId="0" fontId="4" fillId="3" borderId="21" xfId="0" applyFont="1" applyFill="1" applyBorder="1"/>
    <xf numFmtId="0" fontId="6" fillId="3" borderId="22" xfId="0" applyFont="1" applyFill="1" applyBorder="1" applyAlignment="1">
      <alignment horizontal="center"/>
    </xf>
    <xf numFmtId="0" fontId="8" fillId="3" borderId="21" xfId="0" applyFont="1" applyFill="1" applyBorder="1"/>
    <xf numFmtId="4" fontId="8" fillId="3" borderId="21" xfId="0" applyNumberFormat="1" applyFont="1" applyFill="1" applyBorder="1"/>
    <xf numFmtId="0" fontId="4" fillId="3" borderId="21" xfId="0" applyFont="1" applyFill="1" applyBorder="1" applyAlignment="1">
      <alignment horizontal="center"/>
    </xf>
    <xf numFmtId="0" fontId="2" fillId="3" borderId="23" xfId="0" applyFont="1" applyFill="1" applyBorder="1"/>
    <xf numFmtId="0" fontId="4" fillId="3" borderId="23" xfId="0" applyFont="1" applyFill="1" applyBorder="1"/>
    <xf numFmtId="4" fontId="3" fillId="3" borderId="21" xfId="0" applyNumberFormat="1" applyFont="1" applyFill="1" applyBorder="1"/>
    <xf numFmtId="49" fontId="4" fillId="3" borderId="16" xfId="0" applyNumberFormat="1" applyFont="1" applyFill="1" applyBorder="1" applyAlignment="1">
      <alignment horizontal="center"/>
    </xf>
    <xf numFmtId="0" fontId="2" fillId="3" borderId="24" xfId="0" applyFont="1" applyFill="1" applyBorder="1"/>
    <xf numFmtId="0" fontId="4" fillId="3" borderId="24" xfId="0" applyFont="1" applyFill="1" applyBorder="1"/>
    <xf numFmtId="4" fontId="4" fillId="3" borderId="16" xfId="0" applyNumberFormat="1" applyFont="1" applyFill="1" applyBorder="1"/>
    <xf numFmtId="0" fontId="2" fillId="0" borderId="11" xfId="0" applyFont="1" applyBorder="1" applyAlignment="1">
      <alignment horizontal="left"/>
    </xf>
    <xf numFmtId="0" fontId="2" fillId="0" borderId="12" xfId="0" applyFont="1" applyBorder="1" applyAlignment="1">
      <alignment horizontal="center"/>
    </xf>
    <xf numFmtId="4" fontId="3" fillId="0" borderId="9" xfId="0" applyNumberFormat="1" applyFont="1" applyBorder="1" applyAlignment="1">
      <alignment horizontal="right"/>
    </xf>
    <xf numFmtId="0" fontId="4" fillId="0" borderId="1" xfId="0" applyFont="1" applyBorder="1" applyAlignment="1">
      <alignment horizontal="center" vertical="center"/>
    </xf>
    <xf numFmtId="4" fontId="3" fillId="3" borderId="10" xfId="0" applyNumberFormat="1" applyFont="1" applyFill="1" applyBorder="1"/>
    <xf numFmtId="0" fontId="2" fillId="0" borderId="3" xfId="0" applyFont="1" applyBorder="1" applyAlignment="1">
      <alignment horizontal="center" vertical="center"/>
    </xf>
    <xf numFmtId="4" fontId="3" fillId="0" borderId="10" xfId="0" applyNumberFormat="1" applyFont="1" applyBorder="1" applyAlignment="1">
      <alignment horizontal="right"/>
    </xf>
    <xf numFmtId="0" fontId="2" fillId="0" borderId="5" xfId="0" applyFont="1" applyBorder="1" applyAlignment="1">
      <alignment horizontal="center" vertical="center"/>
    </xf>
    <xf numFmtId="0" fontId="9" fillId="0" borderId="0" xfId="0" applyFont="1"/>
    <xf numFmtId="4" fontId="9" fillId="0" borderId="0" xfId="0" applyNumberFormat="1" applyFont="1"/>
    <xf numFmtId="4" fontId="2" fillId="0" borderId="0" xfId="0" applyNumberFormat="1" applyFont="1"/>
    <xf numFmtId="0" fontId="8" fillId="0" borderId="0" xfId="0" applyFont="1"/>
    <xf numFmtId="0" fontId="3" fillId="4" borderId="10" xfId="0" applyFont="1" applyFill="1" applyBorder="1" applyAlignment="1">
      <alignment vertical="center" textRotation="90"/>
    </xf>
    <xf numFmtId="0" fontId="3" fillId="4" borderId="10" xfId="0" applyFont="1" applyFill="1" applyBorder="1" applyAlignment="1">
      <alignment horizontal="center" vertical="center" textRotation="90" wrapText="1"/>
    </xf>
    <xf numFmtId="0" fontId="3" fillId="4" borderId="10" xfId="0" applyFont="1" applyFill="1" applyBorder="1" applyAlignment="1">
      <alignment vertical="center" textRotation="90" wrapText="1"/>
    </xf>
    <xf numFmtId="0" fontId="3" fillId="0" borderId="0" xfId="0" applyFont="1"/>
    <xf numFmtId="0" fontId="7" fillId="4" borderId="10" xfId="0" applyFont="1" applyFill="1" applyBorder="1"/>
    <xf numFmtId="0" fontId="7" fillId="2" borderId="10" xfId="0" applyFont="1" applyFill="1" applyBorder="1"/>
    <xf numFmtId="0" fontId="3" fillId="2" borderId="10" xfId="0" applyFont="1" applyFill="1" applyBorder="1"/>
    <xf numFmtId="164" fontId="7" fillId="0" borderId="10" xfId="0" applyNumberFormat="1" applyFont="1" applyBorder="1"/>
    <xf numFmtId="4" fontId="7" fillId="0" borderId="10" xfId="0" applyNumberFormat="1" applyFont="1" applyBorder="1"/>
    <xf numFmtId="165" fontId="7" fillId="0" borderId="10" xfId="0" applyNumberFormat="1" applyFont="1" applyBorder="1"/>
    <xf numFmtId="164" fontId="7" fillId="0" borderId="10" xfId="0" applyNumberFormat="1" applyFont="1" applyBorder="1" applyAlignment="1">
      <alignment wrapText="1"/>
    </xf>
    <xf numFmtId="4" fontId="7" fillId="5" borderId="10" xfId="0" applyNumberFormat="1" applyFont="1" applyFill="1" applyBorder="1"/>
    <xf numFmtId="4" fontId="10" fillId="0" borderId="10" xfId="0" applyNumberFormat="1" applyFont="1" applyBorder="1"/>
    <xf numFmtId="164" fontId="2" fillId="0" borderId="0" xfId="0" applyNumberFormat="1" applyFont="1"/>
    <xf numFmtId="0" fontId="4" fillId="6" borderId="25" xfId="0" applyFont="1" applyFill="1" applyBorder="1"/>
    <xf numFmtId="0" fontId="11" fillId="0" borderId="0" xfId="0" applyFont="1"/>
    <xf numFmtId="0" fontId="6" fillId="0" borderId="0" xfId="0" applyFont="1"/>
    <xf numFmtId="166" fontId="3" fillId="0" borderId="0" xfId="0" applyNumberFormat="1" applyFont="1"/>
    <xf numFmtId="9" fontId="2" fillId="0" borderId="0" xfId="0" applyNumberFormat="1" applyFont="1"/>
    <xf numFmtId="166" fontId="2" fillId="0" borderId="0" xfId="0" applyNumberFormat="1" applyFont="1"/>
    <xf numFmtId="1" fontId="2" fillId="0" borderId="0" xfId="0" applyNumberFormat="1" applyFont="1"/>
    <xf numFmtId="0" fontId="0" fillId="0" borderId="0" xfId="0" applyFont="1" applyAlignment="1"/>
    <xf numFmtId="0" fontId="17" fillId="2" borderId="10" xfId="0" applyFont="1" applyFill="1" applyBorder="1"/>
    <xf numFmtId="4" fontId="3" fillId="0" borderId="25" xfId="0" applyNumberFormat="1" applyFont="1" applyFill="1" applyBorder="1" applyAlignment="1">
      <alignment horizontal="right"/>
    </xf>
    <xf numFmtId="0" fontId="18" fillId="8" borderId="0" xfId="0" applyFont="1" applyFill="1" applyAlignment="1"/>
    <xf numFmtId="0" fontId="18" fillId="8" borderId="25" xfId="0" applyFont="1" applyFill="1" applyBorder="1" applyAlignment="1"/>
    <xf numFmtId="0" fontId="18" fillId="8" borderId="26" xfId="0" applyFont="1" applyFill="1" applyBorder="1" applyAlignment="1"/>
    <xf numFmtId="0" fontId="19" fillId="10" borderId="26" xfId="0" applyFont="1" applyFill="1" applyBorder="1" applyAlignment="1"/>
    <xf numFmtId="0" fontId="19" fillId="10" borderId="26" xfId="0" applyFont="1" applyFill="1" applyBorder="1" applyAlignment="1">
      <alignment wrapText="1"/>
    </xf>
    <xf numFmtId="0" fontId="3" fillId="7" borderId="18" xfId="0" applyFont="1" applyFill="1" applyBorder="1"/>
    <xf numFmtId="0" fontId="3" fillId="7" borderId="11" xfId="0" applyFont="1" applyFill="1" applyBorder="1"/>
    <xf numFmtId="0" fontId="3" fillId="7" borderId="2" xfId="0" applyFont="1" applyFill="1" applyBorder="1"/>
    <xf numFmtId="0" fontId="3" fillId="7" borderId="26" xfId="0" applyFont="1" applyFill="1" applyBorder="1"/>
    <xf numFmtId="43" fontId="18" fillId="8" borderId="26" xfId="1" applyFont="1" applyFill="1" applyBorder="1" applyAlignment="1"/>
    <xf numFmtId="43" fontId="18" fillId="8" borderId="27" xfId="1" applyFont="1" applyFill="1" applyBorder="1" applyAlignment="1"/>
    <xf numFmtId="0" fontId="19" fillId="8" borderId="0" xfId="0" applyFont="1" applyFill="1" applyAlignment="1"/>
    <xf numFmtId="43" fontId="18" fillId="8" borderId="26" xfId="1" applyNumberFormat="1" applyFont="1" applyFill="1" applyBorder="1" applyAlignment="1"/>
    <xf numFmtId="43" fontId="18" fillId="8" borderId="27" xfId="1" applyNumberFormat="1" applyFont="1" applyFill="1" applyBorder="1" applyAlignment="1"/>
    <xf numFmtId="43" fontId="19" fillId="8" borderId="25" xfId="1" applyNumberFormat="1" applyFont="1" applyFill="1" applyBorder="1" applyAlignment="1"/>
    <xf numFmtId="43" fontId="18" fillId="8" borderId="29" xfId="1" applyFont="1" applyFill="1" applyBorder="1" applyAlignment="1"/>
    <xf numFmtId="43" fontId="18" fillId="8" borderId="30" xfId="1" applyFont="1" applyFill="1" applyBorder="1" applyAlignment="1"/>
    <xf numFmtId="43" fontId="18" fillId="8" borderId="28" xfId="1" applyFont="1" applyFill="1" applyBorder="1" applyAlignment="1"/>
    <xf numFmtId="43" fontId="18" fillId="8" borderId="29" xfId="1" applyNumberFormat="1" applyFont="1" applyFill="1" applyBorder="1" applyAlignment="1"/>
    <xf numFmtId="43" fontId="18" fillId="8" borderId="30" xfId="1" applyNumberFormat="1" applyFont="1" applyFill="1" applyBorder="1" applyAlignment="1"/>
    <xf numFmtId="43" fontId="18" fillId="8" borderId="28" xfId="1" applyNumberFormat="1" applyFont="1" applyFill="1" applyBorder="1" applyAlignment="1"/>
    <xf numFmtId="0" fontId="4" fillId="0" borderId="26" xfId="0" applyFont="1" applyFill="1" applyBorder="1" applyAlignment="1">
      <alignment horizontal="center"/>
    </xf>
    <xf numFmtId="0" fontId="4" fillId="0" borderId="24" xfId="0" applyFont="1" applyFill="1" applyBorder="1" applyAlignment="1">
      <alignment horizontal="center"/>
    </xf>
    <xf numFmtId="0" fontId="4" fillId="0" borderId="32" xfId="0" applyFont="1" applyFill="1" applyBorder="1" applyAlignment="1">
      <alignment horizontal="center"/>
    </xf>
    <xf numFmtId="0" fontId="4" fillId="0" borderId="25" xfId="0" applyFont="1" applyFill="1" applyBorder="1" applyAlignment="1">
      <alignment horizontal="center" vertical="center"/>
    </xf>
    <xf numFmtId="0" fontId="4" fillId="9" borderId="26" xfId="0" applyFont="1" applyFill="1" applyBorder="1" applyAlignment="1">
      <alignment horizontal="center" vertical="center"/>
    </xf>
    <xf numFmtId="0" fontId="3" fillId="8" borderId="7" xfId="0" applyFont="1" applyFill="1" applyBorder="1" applyAlignment="1">
      <alignment horizontal="center"/>
    </xf>
    <xf numFmtId="0" fontId="3" fillId="8" borderId="9" xfId="0" applyFont="1" applyFill="1" applyBorder="1" applyAlignment="1">
      <alignment horizontal="center"/>
    </xf>
    <xf numFmtId="0" fontId="3" fillId="8" borderId="19" xfId="0" applyFont="1" applyFill="1" applyBorder="1" applyAlignment="1">
      <alignment horizontal="center"/>
    </xf>
    <xf numFmtId="0" fontId="3" fillId="8" borderId="26" xfId="0" applyFont="1" applyFill="1" applyBorder="1" applyAlignment="1">
      <alignment horizontal="center"/>
    </xf>
    <xf numFmtId="0" fontId="3" fillId="7" borderId="25" xfId="0" applyFont="1" applyFill="1" applyBorder="1" applyAlignment="1">
      <alignment horizontal="center" vertical="center" textRotation="90"/>
    </xf>
    <xf numFmtId="0" fontId="21" fillId="8" borderId="25" xfId="0" applyFont="1" applyFill="1" applyBorder="1"/>
    <xf numFmtId="0" fontId="4" fillId="9" borderId="26" xfId="0" applyFont="1" applyFill="1" applyBorder="1" applyAlignment="1">
      <alignment horizontal="center" vertical="center" textRotation="90"/>
    </xf>
    <xf numFmtId="0" fontId="3" fillId="8" borderId="18" xfId="0" applyFont="1" applyFill="1" applyBorder="1"/>
    <xf numFmtId="0" fontId="3" fillId="7" borderId="16" xfId="0" applyFont="1" applyFill="1" applyBorder="1" applyAlignment="1">
      <alignment horizontal="center"/>
    </xf>
    <xf numFmtId="0" fontId="3" fillId="8" borderId="11" xfId="0" applyFont="1" applyFill="1" applyBorder="1"/>
    <xf numFmtId="0" fontId="3" fillId="7" borderId="10" xfId="0" applyFont="1" applyFill="1" applyBorder="1" applyAlignment="1">
      <alignment horizontal="center"/>
    </xf>
    <xf numFmtId="0" fontId="3" fillId="8" borderId="13" xfId="0" applyFont="1" applyFill="1" applyBorder="1"/>
    <xf numFmtId="0" fontId="3" fillId="8" borderId="26" xfId="0" applyFont="1" applyFill="1" applyBorder="1"/>
    <xf numFmtId="0" fontId="3" fillId="7" borderId="11" xfId="0" applyFont="1" applyFill="1" applyBorder="1" applyAlignment="1">
      <alignment horizontal="center"/>
    </xf>
    <xf numFmtId="0" fontId="4" fillId="8" borderId="25" xfId="0" applyFont="1" applyFill="1" applyBorder="1"/>
    <xf numFmtId="0" fontId="3" fillId="8" borderId="25" xfId="0" applyFont="1" applyFill="1" applyBorder="1"/>
    <xf numFmtId="0" fontId="4" fillId="8" borderId="25" xfId="0" applyFont="1" applyFill="1" applyBorder="1" applyAlignment="1">
      <alignment horizontal="center" vertical="center"/>
    </xf>
    <xf numFmtId="0" fontId="4" fillId="0" borderId="25" xfId="0" applyFont="1" applyFill="1" applyBorder="1" applyAlignment="1">
      <alignment horizontal="center"/>
    </xf>
    <xf numFmtId="0" fontId="3" fillId="8" borderId="25" xfId="0" applyFont="1" applyFill="1" applyBorder="1" applyAlignment="1">
      <alignment horizontal="center"/>
    </xf>
    <xf numFmtId="0" fontId="3" fillId="0" borderId="26" xfId="0" applyFont="1" applyFill="1" applyBorder="1" applyAlignment="1">
      <alignment horizontal="left" wrapText="1"/>
    </xf>
    <xf numFmtId="0" fontId="4" fillId="9" borderId="26" xfId="0" applyFont="1" applyFill="1" applyBorder="1" applyAlignment="1">
      <alignment horizontal="center" vertical="center" wrapText="1"/>
    </xf>
    <xf numFmtId="43" fontId="18" fillId="8" borderId="25" xfId="1" applyNumberFormat="1" applyFont="1" applyFill="1" applyBorder="1" applyAlignment="1"/>
    <xf numFmtId="43" fontId="19" fillId="8" borderId="25" xfId="0" applyNumberFormat="1" applyFont="1" applyFill="1" applyBorder="1" applyAlignment="1"/>
    <xf numFmtId="0" fontId="4" fillId="9" borderId="26" xfId="0" applyFont="1" applyFill="1" applyBorder="1" applyAlignment="1">
      <alignment horizontal="center" vertical="center" textRotation="90" wrapText="1"/>
    </xf>
    <xf numFmtId="0" fontId="3" fillId="0" borderId="26" xfId="0" applyFont="1" applyFill="1" applyBorder="1" applyAlignment="1">
      <alignment horizontal="left"/>
    </xf>
    <xf numFmtId="0" fontId="21" fillId="0" borderId="26" xfId="0" applyFont="1" applyFill="1" applyBorder="1" applyAlignment="1">
      <alignment horizontal="left"/>
    </xf>
    <xf numFmtId="0" fontId="4" fillId="9" borderId="27" xfId="0" applyFont="1" applyFill="1" applyBorder="1" applyAlignment="1">
      <alignment horizontal="center" vertical="center" textRotation="90"/>
    </xf>
    <xf numFmtId="0" fontId="4" fillId="9" borderId="31" xfId="0" applyFont="1" applyFill="1" applyBorder="1" applyAlignment="1">
      <alignment horizontal="center" vertical="center" textRotation="90"/>
    </xf>
    <xf numFmtId="0" fontId="3" fillId="0" borderId="26" xfId="0" applyFont="1" applyFill="1" applyBorder="1" applyAlignment="1">
      <alignment horizontal="left" wrapText="1"/>
    </xf>
    <xf numFmtId="0" fontId="3" fillId="0" borderId="27" xfId="0" applyFont="1" applyFill="1" applyBorder="1" applyAlignment="1">
      <alignment horizontal="left" wrapText="1"/>
    </xf>
    <xf numFmtId="0" fontId="21" fillId="0" borderId="27" xfId="0" applyFont="1" applyFill="1" applyBorder="1" applyAlignment="1">
      <alignment horizontal="left"/>
    </xf>
    <xf numFmtId="0" fontId="2" fillId="2" borderId="1" xfId="0" applyFont="1" applyFill="1" applyBorder="1" applyAlignment="1">
      <alignment horizontal="center" textRotation="90"/>
    </xf>
    <xf numFmtId="0" fontId="5" fillId="0" borderId="3" xfId="0" applyFont="1" applyBorder="1"/>
    <xf numFmtId="0" fontId="5" fillId="0" borderId="5" xfId="0" applyFont="1" applyBorder="1"/>
    <xf numFmtId="0" fontId="7" fillId="2" borderId="11" xfId="0" applyFont="1" applyFill="1" applyBorder="1" applyAlignment="1">
      <alignment horizontal="center"/>
    </xf>
    <xf numFmtId="0" fontId="5" fillId="0" borderId="12" xfId="0" applyFont="1" applyBorder="1"/>
    <xf numFmtId="0" fontId="5" fillId="0" borderId="9" xfId="0" applyFont="1" applyBorder="1"/>
    <xf numFmtId="0" fontId="7" fillId="2" borderId="1" xfId="0" applyFont="1" applyFill="1" applyBorder="1" applyAlignment="1">
      <alignment horizontal="center" wrapText="1"/>
    </xf>
    <xf numFmtId="0" fontId="4" fillId="3" borderId="11" xfId="0" applyFont="1" applyFill="1" applyBorder="1" applyAlignment="1">
      <alignment horizontal="left"/>
    </xf>
    <xf numFmtId="0" fontId="4" fillId="0" borderId="11" xfId="0" applyFont="1" applyBorder="1" applyAlignment="1">
      <alignment horizontal="left"/>
    </xf>
    <xf numFmtId="0" fontId="1" fillId="0" borderId="0" xfId="0" applyFont="1" applyAlignment="1">
      <alignment horizontal="left"/>
    </xf>
    <xf numFmtId="0" fontId="0" fillId="0" borderId="0" xfId="0" applyFont="1" applyAlignment="1"/>
    <xf numFmtId="0" fontId="2" fillId="0" borderId="0" xfId="0" applyFont="1"/>
    <xf numFmtId="0" fontId="3" fillId="2" borderId="1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4" fillId="2" borderId="2" xfId="0" applyFont="1" applyFill="1" applyBorder="1" applyAlignment="1">
      <alignment horizontal="center" vertical="center"/>
    </xf>
    <xf numFmtId="0" fontId="5" fillId="0" borderId="4" xfId="0" applyFont="1" applyBorder="1"/>
    <xf numFmtId="0" fontId="5" fillId="0" borderId="6" xfId="0" applyFont="1" applyBorder="1"/>
    <xf numFmtId="0" fontId="2" fillId="0" borderId="1" xfId="0" applyFont="1" applyBorder="1"/>
    <xf numFmtId="0" fontId="4" fillId="0" borderId="0" xfId="0" applyFont="1" applyAlignment="1">
      <alignment horizontal="left" vertical="top"/>
    </xf>
    <xf numFmtId="0" fontId="4" fillId="0" borderId="0" xfId="0" applyFont="1" applyAlignment="1">
      <alignment horizontal="right" vertical="top" wrapText="1"/>
    </xf>
    <xf numFmtId="0" fontId="4" fillId="0" borderId="0" xfId="0" applyFont="1" applyAlignment="1">
      <alignment horizontal="left"/>
    </xf>
    <xf numFmtId="0" fontId="4" fillId="0" borderId="0" xfId="0" applyFont="1" applyAlignment="1">
      <alignment horizontal="left" vertical="top" wrapText="1"/>
    </xf>
    <xf numFmtId="0" fontId="6" fillId="0" borderId="8" xfId="0" applyFont="1" applyBorder="1" applyAlignment="1">
      <alignment horizontal="right"/>
    </xf>
    <xf numFmtId="0" fontId="5" fillId="0" borderId="8" xfId="0" applyFont="1" applyBorder="1"/>
    <xf numFmtId="0" fontId="4" fillId="2" borderId="11" xfId="0" applyFont="1" applyFill="1" applyBorder="1" applyAlignment="1">
      <alignment horizontal="center"/>
    </xf>
    <xf numFmtId="0" fontId="7" fillId="2" borderId="13" xfId="0" applyFont="1" applyFill="1" applyBorder="1" applyAlignment="1">
      <alignment horizontal="center"/>
    </xf>
    <xf numFmtId="0" fontId="5" fillId="0" borderId="14" xfId="0" applyFont="1" applyBorder="1"/>
    <xf numFmtId="0" fontId="5" fillId="0" borderId="15" xfId="0" applyFont="1" applyBorder="1"/>
    <xf numFmtId="0" fontId="7" fillId="2" borderId="1" xfId="0" applyFont="1" applyFill="1" applyBorder="1" applyAlignment="1">
      <alignment horizontal="center" vertical="center" textRotation="90"/>
    </xf>
    <xf numFmtId="0" fontId="3" fillId="2" borderId="1" xfId="0" applyFont="1" applyFill="1" applyBorder="1" applyAlignment="1">
      <alignment horizontal="center" vertical="center"/>
    </xf>
    <xf numFmtId="0" fontId="10" fillId="4" borderId="1" xfId="0" applyFont="1" applyFill="1" applyBorder="1" applyAlignment="1">
      <alignment horizontal="center" vertical="center" textRotation="90" wrapText="1"/>
    </xf>
    <xf numFmtId="0" fontId="10" fillId="2" borderId="11" xfId="0" applyFont="1" applyFill="1" applyBorder="1" applyAlignment="1">
      <alignment horizontal="center"/>
    </xf>
  </cellXfs>
  <cellStyles count="2">
    <cellStyle name="Comma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comments1.xml.rels><?xml version="1.0" encoding="UTF-8" standalone="yes"?>
<Relationships xmlns="http://schemas.openxmlformats.org/package/2006/relationships"><Relationship Id="rId1" Type="http://customschemas.google.com/relationships/workbookmetadata" Target="commentsmeta0"/></Relationships>
</file>

<file path=xl/_rels/comments2.xml.rels><?xml version="1.0" encoding="UTF-8" standalone="yes"?>
<Relationships xmlns="http://schemas.openxmlformats.org/package/2006/relationships"><Relationship Id="rId1" Type="http://customschemas.google.com/relationships/workbookmetadata" Target="commentsmeta1"/></Relationships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customschemas.google.com/relationships/workbookmetadata" Target="metadata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11" Type="http://schemas.openxmlformats.org/officeDocument/2006/relationships/calcChain" Target="calcChain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0563C1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630592-5968-4F35-85FD-A30FA3C26F66}">
  <dimension ref="A1:M75"/>
  <sheetViews>
    <sheetView tabSelected="1" topLeftCell="F1" zoomScale="80" zoomScaleNormal="80" workbookViewId="0">
      <selection activeCell="L66" sqref="L66"/>
    </sheetView>
  </sheetViews>
  <sheetFormatPr defaultRowHeight="12.75"/>
  <cols>
    <col min="1" max="1" width="9" style="86" customWidth="1"/>
    <col min="2" max="2" width="56.75" style="86" bestFit="1" customWidth="1"/>
    <col min="3" max="3" width="18" style="86" bestFit="1" customWidth="1"/>
    <col min="4" max="4" width="19.25" style="86" customWidth="1"/>
    <col min="5" max="5" width="13.375" style="86" bestFit="1" customWidth="1"/>
    <col min="6" max="6" width="16" style="86" customWidth="1"/>
    <col min="7" max="7" width="13.375" style="86" bestFit="1" customWidth="1"/>
    <col min="8" max="8" width="5" style="86" customWidth="1"/>
    <col min="9" max="9" width="7.625" style="86" bestFit="1" customWidth="1"/>
    <col min="10" max="10" width="40.75" style="86" bestFit="1" customWidth="1"/>
    <col min="11" max="11" width="13.25" style="86" bestFit="1" customWidth="1"/>
    <col min="12" max="12" width="17.125" style="86" customWidth="1"/>
    <col min="13" max="13" width="13.375" style="86" bestFit="1" customWidth="1"/>
    <col min="14" max="16384" width="9" style="86"/>
  </cols>
  <sheetData>
    <row r="1" spans="1:13" ht="12.75" customHeight="1">
      <c r="A1" s="128"/>
      <c r="B1" s="116"/>
      <c r="F1" s="87"/>
      <c r="G1" s="128"/>
    </row>
    <row r="2" spans="1:13" ht="13.15">
      <c r="A2" s="110" t="s">
        <v>94</v>
      </c>
      <c r="B2" s="116"/>
      <c r="F2" s="87"/>
      <c r="I2" s="110" t="s">
        <v>208</v>
      </c>
      <c r="J2" s="117"/>
    </row>
    <row r="3" spans="1:13" ht="86.25" customHeight="1">
      <c r="A3" s="118" t="s">
        <v>2</v>
      </c>
      <c r="B3" s="111" t="s">
        <v>209</v>
      </c>
      <c r="C3" s="111" t="s">
        <v>204</v>
      </c>
      <c r="D3" s="132" t="s">
        <v>205</v>
      </c>
      <c r="E3" s="111" t="s">
        <v>206</v>
      </c>
      <c r="F3" s="87"/>
      <c r="I3" s="118" t="s">
        <v>13</v>
      </c>
      <c r="J3" s="132" t="s">
        <v>107</v>
      </c>
      <c r="K3" s="132" t="s">
        <v>204</v>
      </c>
      <c r="L3" s="132" t="s">
        <v>205</v>
      </c>
      <c r="M3" s="132" t="s">
        <v>206</v>
      </c>
    </row>
    <row r="4" spans="1:13" ht="13.15" customHeight="1">
      <c r="A4" s="112">
        <v>1111</v>
      </c>
      <c r="B4" s="119" t="s">
        <v>9</v>
      </c>
      <c r="C4" s="98">
        <v>2000</v>
      </c>
      <c r="D4" s="95">
        <v>1600</v>
      </c>
      <c r="E4" s="98">
        <v>2000</v>
      </c>
      <c r="I4" s="120">
        <v>1031</v>
      </c>
      <c r="J4" s="91" t="s">
        <v>154</v>
      </c>
      <c r="K4" s="95">
        <v>0</v>
      </c>
      <c r="L4" s="95"/>
      <c r="M4" s="98">
        <v>0</v>
      </c>
    </row>
    <row r="5" spans="1:13" ht="13.15" customHeight="1">
      <c r="A5" s="113">
        <v>1112</v>
      </c>
      <c r="B5" s="121" t="s">
        <v>12</v>
      </c>
      <c r="C5" s="98">
        <v>60</v>
      </c>
      <c r="D5" s="95">
        <v>125</v>
      </c>
      <c r="E5" s="98">
        <v>130</v>
      </c>
      <c r="I5" s="122">
        <v>2140</v>
      </c>
      <c r="J5" s="92" t="s">
        <v>155</v>
      </c>
      <c r="K5" s="95">
        <v>0</v>
      </c>
      <c r="L5" s="95"/>
      <c r="M5" s="98">
        <v>0</v>
      </c>
    </row>
    <row r="6" spans="1:13">
      <c r="A6" s="113">
        <v>1113</v>
      </c>
      <c r="B6" s="121" t="s">
        <v>17</v>
      </c>
      <c r="C6" s="98">
        <v>250</v>
      </c>
      <c r="D6" s="95">
        <v>350</v>
      </c>
      <c r="E6" s="98">
        <v>300</v>
      </c>
      <c r="I6" s="122">
        <v>2212</v>
      </c>
      <c r="J6" s="92" t="s">
        <v>156</v>
      </c>
      <c r="K6" s="95">
        <v>2077</v>
      </c>
      <c r="L6" s="95">
        <v>5200</v>
      </c>
      <c r="M6" s="98">
        <v>3422</v>
      </c>
    </row>
    <row r="7" spans="1:13">
      <c r="A7" s="113">
        <v>1121</v>
      </c>
      <c r="B7" s="121" t="s">
        <v>26</v>
      </c>
      <c r="C7" s="98">
        <v>2000</v>
      </c>
      <c r="D7" s="95">
        <v>2200</v>
      </c>
      <c r="E7" s="98">
        <v>2200</v>
      </c>
      <c r="I7" s="122">
        <v>2219</v>
      </c>
      <c r="J7" s="92" t="s">
        <v>157</v>
      </c>
      <c r="K7" s="95">
        <v>2620</v>
      </c>
      <c r="L7" s="95">
        <v>590</v>
      </c>
      <c r="M7" s="98">
        <v>420</v>
      </c>
    </row>
    <row r="8" spans="1:13">
      <c r="A8" s="113">
        <v>1122</v>
      </c>
      <c r="B8" s="121" t="s">
        <v>36</v>
      </c>
      <c r="C8" s="98">
        <v>150</v>
      </c>
      <c r="D8" s="95">
        <v>190</v>
      </c>
      <c r="E8" s="98">
        <v>200</v>
      </c>
      <c r="I8" s="122">
        <v>2221</v>
      </c>
      <c r="J8" s="93" t="s">
        <v>158</v>
      </c>
      <c r="K8" s="95">
        <v>0</v>
      </c>
      <c r="L8" s="95"/>
      <c r="M8" s="98">
        <v>0</v>
      </c>
    </row>
    <row r="9" spans="1:13">
      <c r="A9" s="113">
        <v>1211</v>
      </c>
      <c r="B9" s="121" t="s">
        <v>37</v>
      </c>
      <c r="C9" s="99">
        <v>4300</v>
      </c>
      <c r="D9" s="96">
        <v>6050</v>
      </c>
      <c r="E9" s="99">
        <v>5000</v>
      </c>
      <c r="I9" s="125">
        <v>2292</v>
      </c>
      <c r="J9" s="94" t="s">
        <v>200</v>
      </c>
      <c r="L9" s="95">
        <v>36</v>
      </c>
      <c r="M9" s="98">
        <v>44</v>
      </c>
    </row>
    <row r="10" spans="1:13">
      <c r="A10" s="114">
        <v>1334</v>
      </c>
      <c r="B10" s="123" t="s">
        <v>39</v>
      </c>
      <c r="C10" s="99">
        <v>0</v>
      </c>
      <c r="D10" s="101"/>
      <c r="E10" s="104">
        <v>0</v>
      </c>
      <c r="I10" s="122">
        <v>2310</v>
      </c>
      <c r="J10" s="91" t="s">
        <v>159</v>
      </c>
      <c r="K10" s="95">
        <v>2955</v>
      </c>
      <c r="L10" s="95">
        <v>78</v>
      </c>
      <c r="M10" s="98">
        <v>5927</v>
      </c>
    </row>
    <row r="11" spans="1:13">
      <c r="A11" s="114"/>
      <c r="B11" s="123"/>
      <c r="C11" s="106"/>
      <c r="D11" s="102"/>
      <c r="E11" s="105"/>
      <c r="I11" s="122">
        <v>2321</v>
      </c>
      <c r="J11" s="92" t="s">
        <v>160</v>
      </c>
      <c r="K11" s="95">
        <v>80</v>
      </c>
      <c r="L11" s="95">
        <v>317</v>
      </c>
      <c r="M11" s="98">
        <v>310</v>
      </c>
    </row>
    <row r="12" spans="1:13">
      <c r="A12" s="113">
        <v>1337</v>
      </c>
      <c r="B12" s="121" t="s">
        <v>210</v>
      </c>
      <c r="C12" s="106">
        <v>1300</v>
      </c>
      <c r="D12" s="103">
        <v>900</v>
      </c>
      <c r="E12" s="106">
        <v>0</v>
      </c>
      <c r="I12" s="122">
        <v>2341</v>
      </c>
      <c r="J12" s="92" t="s">
        <v>161</v>
      </c>
      <c r="K12" s="95">
        <v>0</v>
      </c>
      <c r="L12" s="95"/>
      <c r="M12" s="98">
        <v>0</v>
      </c>
    </row>
    <row r="13" spans="1:13">
      <c r="A13" s="113">
        <v>1341</v>
      </c>
      <c r="B13" s="121" t="s">
        <v>42</v>
      </c>
      <c r="C13" s="106">
        <v>12</v>
      </c>
      <c r="D13" s="103">
        <v>11</v>
      </c>
      <c r="E13" s="106">
        <v>12</v>
      </c>
      <c r="I13" s="122">
        <v>3111</v>
      </c>
      <c r="J13" s="92" t="s">
        <v>49</v>
      </c>
      <c r="K13" s="95">
        <v>50</v>
      </c>
      <c r="L13" s="95">
        <v>52</v>
      </c>
      <c r="M13" s="98">
        <v>50</v>
      </c>
    </row>
    <row r="14" spans="1:13">
      <c r="A14" s="113">
        <v>1342</v>
      </c>
      <c r="B14" s="121" t="s">
        <v>44</v>
      </c>
      <c r="C14" s="98">
        <v>30</v>
      </c>
      <c r="D14" s="95">
        <v>40</v>
      </c>
      <c r="E14" s="98">
        <v>45</v>
      </c>
      <c r="I14" s="122">
        <v>3113</v>
      </c>
      <c r="J14" s="92" t="s">
        <v>162</v>
      </c>
      <c r="K14" s="95">
        <v>250</v>
      </c>
      <c r="L14" s="95">
        <v>177</v>
      </c>
      <c r="M14" s="98">
        <v>200</v>
      </c>
    </row>
    <row r="15" spans="1:13">
      <c r="A15" s="113">
        <v>1343</v>
      </c>
      <c r="B15" s="121" t="s">
        <v>46</v>
      </c>
      <c r="C15" s="98">
        <v>0</v>
      </c>
      <c r="D15" s="95"/>
      <c r="E15" s="98">
        <v>0</v>
      </c>
      <c r="I15" s="122">
        <v>3141</v>
      </c>
      <c r="J15" s="92" t="s">
        <v>51</v>
      </c>
      <c r="K15" s="95">
        <v>0</v>
      </c>
      <c r="L15" s="95"/>
      <c r="M15" s="98">
        <v>0</v>
      </c>
    </row>
    <row r="16" spans="1:13">
      <c r="A16" s="113">
        <v>1344</v>
      </c>
      <c r="B16" s="121" t="s">
        <v>48</v>
      </c>
      <c r="C16" s="98">
        <v>0</v>
      </c>
      <c r="D16" s="95"/>
      <c r="E16" s="98">
        <v>0</v>
      </c>
      <c r="I16" s="122">
        <v>3313</v>
      </c>
      <c r="J16" s="92" t="s">
        <v>53</v>
      </c>
      <c r="K16" s="95">
        <v>0</v>
      </c>
      <c r="L16" s="95"/>
      <c r="M16" s="98">
        <v>0</v>
      </c>
    </row>
    <row r="17" spans="1:13">
      <c r="A17" s="113">
        <v>1345</v>
      </c>
      <c r="B17" s="121" t="s">
        <v>198</v>
      </c>
      <c r="C17" s="98">
        <v>0</v>
      </c>
      <c r="D17" s="95">
        <v>1444</v>
      </c>
      <c r="E17" s="98">
        <v>1400</v>
      </c>
      <c r="I17" s="122">
        <v>3314</v>
      </c>
      <c r="J17" s="92" t="s">
        <v>55</v>
      </c>
      <c r="K17" s="95">
        <v>0</v>
      </c>
      <c r="L17" s="95"/>
      <c r="M17" s="98">
        <v>0</v>
      </c>
    </row>
    <row r="18" spans="1:13">
      <c r="A18" s="113"/>
      <c r="B18" s="121"/>
      <c r="C18" s="98">
        <v>0</v>
      </c>
      <c r="D18" s="95"/>
      <c r="E18" s="98"/>
      <c r="I18" s="122">
        <v>3319</v>
      </c>
      <c r="J18" s="92" t="s">
        <v>163</v>
      </c>
      <c r="K18" s="95">
        <v>0</v>
      </c>
      <c r="L18" s="95"/>
      <c r="M18" s="98">
        <v>0</v>
      </c>
    </row>
    <row r="19" spans="1:13">
      <c r="A19" s="113">
        <v>1361</v>
      </c>
      <c r="B19" s="121" t="s">
        <v>52</v>
      </c>
      <c r="C19" s="98">
        <v>15</v>
      </c>
      <c r="D19" s="95">
        <v>8</v>
      </c>
      <c r="E19" s="98">
        <v>10</v>
      </c>
      <c r="I19" s="122">
        <v>3326</v>
      </c>
      <c r="J19" s="92" t="s">
        <v>164</v>
      </c>
      <c r="K19" s="95">
        <v>20</v>
      </c>
      <c r="L19" s="95">
        <v>2</v>
      </c>
      <c r="M19" s="98">
        <v>20</v>
      </c>
    </row>
    <row r="20" spans="1:13">
      <c r="A20" s="113">
        <v>1381</v>
      </c>
      <c r="B20" s="121" t="s">
        <v>54</v>
      </c>
      <c r="C20" s="98">
        <v>60</v>
      </c>
      <c r="D20" s="95">
        <v>85</v>
      </c>
      <c r="E20" s="98">
        <v>80</v>
      </c>
      <c r="I20" s="122">
        <v>3349</v>
      </c>
      <c r="J20" s="92" t="s">
        <v>165</v>
      </c>
      <c r="K20" s="95">
        <v>0</v>
      </c>
      <c r="L20" s="95"/>
      <c r="M20" s="98">
        <v>0</v>
      </c>
    </row>
    <row r="21" spans="1:13">
      <c r="A21" s="113">
        <v>1511</v>
      </c>
      <c r="B21" s="121" t="s">
        <v>56</v>
      </c>
      <c r="C21" s="98">
        <v>850</v>
      </c>
      <c r="D21" s="95">
        <v>925</v>
      </c>
      <c r="E21" s="98">
        <v>850</v>
      </c>
      <c r="I21" s="122">
        <v>3392</v>
      </c>
      <c r="J21" s="92" t="s">
        <v>166</v>
      </c>
      <c r="K21" s="95">
        <v>0</v>
      </c>
      <c r="L21" s="95"/>
      <c r="M21" s="98">
        <v>0</v>
      </c>
    </row>
    <row r="22" spans="1:13">
      <c r="A22" s="115">
        <v>4111</v>
      </c>
      <c r="B22" s="124" t="s">
        <v>71</v>
      </c>
      <c r="C22" s="98">
        <v>0</v>
      </c>
      <c r="D22" s="88">
        <v>69</v>
      </c>
      <c r="E22" s="98">
        <v>0</v>
      </c>
      <c r="I22" s="122">
        <v>3399</v>
      </c>
      <c r="J22" s="92" t="s">
        <v>167</v>
      </c>
      <c r="K22" s="95">
        <v>184</v>
      </c>
      <c r="L22" s="95">
        <v>240</v>
      </c>
      <c r="M22" s="98">
        <v>380</v>
      </c>
    </row>
    <row r="23" spans="1:13">
      <c r="A23" s="115">
        <v>4112</v>
      </c>
      <c r="B23" s="124" t="s">
        <v>73</v>
      </c>
      <c r="C23" s="98">
        <v>140</v>
      </c>
      <c r="D23" s="88">
        <v>133.80000000000001</v>
      </c>
      <c r="E23" s="98">
        <v>140</v>
      </c>
      <c r="I23" s="122">
        <v>3421</v>
      </c>
      <c r="J23" s="92" t="s">
        <v>168</v>
      </c>
      <c r="K23" s="95">
        <v>10</v>
      </c>
      <c r="L23" s="95"/>
      <c r="M23" s="98">
        <v>10</v>
      </c>
    </row>
    <row r="24" spans="1:13">
      <c r="A24" s="115">
        <v>4116</v>
      </c>
      <c r="B24" s="124" t="s">
        <v>75</v>
      </c>
      <c r="C24" s="98">
        <v>0</v>
      </c>
      <c r="D24" s="88"/>
      <c r="E24" s="98">
        <v>0</v>
      </c>
      <c r="I24" s="122">
        <v>3412</v>
      </c>
      <c r="J24" s="92" t="s">
        <v>201</v>
      </c>
      <c r="K24" s="95">
        <v>0</v>
      </c>
      <c r="L24" s="95">
        <v>43</v>
      </c>
      <c r="M24" s="98">
        <v>220</v>
      </c>
    </row>
    <row r="25" spans="1:13">
      <c r="A25" s="115">
        <v>4121</v>
      </c>
      <c r="B25" s="124" t="s">
        <v>77</v>
      </c>
      <c r="C25" s="98">
        <v>0</v>
      </c>
      <c r="D25" s="88"/>
      <c r="E25" s="98">
        <v>0</v>
      </c>
      <c r="I25" s="122">
        <v>3419</v>
      </c>
      <c r="J25" s="92" t="s">
        <v>169</v>
      </c>
      <c r="K25" s="95">
        <v>0</v>
      </c>
      <c r="L25" s="95"/>
      <c r="M25" s="98">
        <v>0</v>
      </c>
    </row>
    <row r="26" spans="1:13">
      <c r="A26" s="115">
        <v>4122</v>
      </c>
      <c r="B26" s="124" t="s">
        <v>79</v>
      </c>
      <c r="C26" s="98">
        <v>0</v>
      </c>
      <c r="D26" s="88"/>
      <c r="E26" s="98">
        <v>0</v>
      </c>
      <c r="I26" s="122">
        <v>3429</v>
      </c>
      <c r="J26" s="92" t="s">
        <v>170</v>
      </c>
      <c r="K26" s="95">
        <v>10</v>
      </c>
      <c r="L26" s="95"/>
      <c r="M26" s="98">
        <v>0</v>
      </c>
    </row>
    <row r="27" spans="1:13">
      <c r="A27" s="115">
        <v>4134</v>
      </c>
      <c r="B27" s="124" t="s">
        <v>81</v>
      </c>
      <c r="C27" s="98">
        <v>0</v>
      </c>
      <c r="D27" s="88"/>
      <c r="E27" s="98">
        <v>0</v>
      </c>
      <c r="I27" s="122">
        <v>3612</v>
      </c>
      <c r="J27" s="92" t="s">
        <v>68</v>
      </c>
      <c r="K27" s="95">
        <v>0</v>
      </c>
      <c r="L27" s="95">
        <v>12</v>
      </c>
      <c r="M27" s="98">
        <v>10</v>
      </c>
    </row>
    <row r="28" spans="1:13">
      <c r="A28" s="115">
        <v>4216</v>
      </c>
      <c r="B28" s="124" t="s">
        <v>83</v>
      </c>
      <c r="C28" s="98">
        <v>0</v>
      </c>
      <c r="D28" s="88"/>
      <c r="E28" s="98">
        <v>0</v>
      </c>
      <c r="I28" s="122">
        <v>3613</v>
      </c>
      <c r="J28" s="92" t="s">
        <v>171</v>
      </c>
      <c r="K28" s="95">
        <v>0</v>
      </c>
      <c r="L28" s="95"/>
      <c r="M28" s="98">
        <v>0</v>
      </c>
    </row>
    <row r="29" spans="1:13">
      <c r="A29" s="115">
        <v>4222</v>
      </c>
      <c r="B29" s="124" t="s">
        <v>85</v>
      </c>
      <c r="C29" s="98">
        <v>0</v>
      </c>
      <c r="D29" s="88"/>
      <c r="E29" s="98">
        <v>0</v>
      </c>
      <c r="I29" s="122">
        <v>3631</v>
      </c>
      <c r="J29" s="92" t="s">
        <v>72</v>
      </c>
      <c r="K29" s="95">
        <v>330</v>
      </c>
      <c r="L29" s="95">
        <v>430</v>
      </c>
      <c r="M29" s="98">
        <v>430</v>
      </c>
    </row>
    <row r="30" spans="1:13">
      <c r="A30" s="130"/>
      <c r="B30" s="127"/>
      <c r="C30" s="133"/>
      <c r="D30" s="87"/>
      <c r="E30" s="133"/>
      <c r="I30" s="122">
        <v>3632</v>
      </c>
      <c r="J30" s="92" t="s">
        <v>74</v>
      </c>
      <c r="K30" s="95">
        <v>0</v>
      </c>
      <c r="L30" s="95"/>
      <c r="M30" s="98">
        <v>0</v>
      </c>
    </row>
    <row r="31" spans="1:13">
      <c r="I31" s="122">
        <v>3633</v>
      </c>
      <c r="J31" s="92" t="s">
        <v>172</v>
      </c>
      <c r="K31" s="88"/>
      <c r="L31" s="95"/>
      <c r="M31" s="98">
        <v>0</v>
      </c>
    </row>
    <row r="32" spans="1:13" ht="52.5">
      <c r="E32" s="89" t="s">
        <v>204</v>
      </c>
      <c r="F32" s="90" t="s">
        <v>205</v>
      </c>
      <c r="G32" s="89" t="s">
        <v>206</v>
      </c>
      <c r="I32" s="122">
        <v>3635</v>
      </c>
      <c r="J32" s="92" t="s">
        <v>173</v>
      </c>
      <c r="K32" s="95">
        <v>200</v>
      </c>
      <c r="L32" s="95">
        <v>80</v>
      </c>
      <c r="M32" s="98">
        <v>200</v>
      </c>
    </row>
    <row r="33" spans="1:13" ht="13.15">
      <c r="A33" s="138" t="s">
        <v>15</v>
      </c>
      <c r="B33" s="136" t="s">
        <v>18</v>
      </c>
      <c r="C33" s="131" t="s">
        <v>27</v>
      </c>
      <c r="D33" s="109">
        <v>2111</v>
      </c>
      <c r="E33" s="95">
        <v>39</v>
      </c>
      <c r="F33" s="95">
        <v>70</v>
      </c>
      <c r="G33" s="98">
        <v>61</v>
      </c>
      <c r="I33" s="122">
        <v>3639</v>
      </c>
      <c r="J33" s="92" t="s">
        <v>174</v>
      </c>
      <c r="K33" s="95">
        <v>628</v>
      </c>
      <c r="L33" s="95">
        <v>490</v>
      </c>
      <c r="M33" s="98">
        <v>728</v>
      </c>
    </row>
    <row r="34" spans="1:13" ht="13.15">
      <c r="A34" s="139"/>
      <c r="B34" s="137"/>
      <c r="C34" s="131" t="s">
        <v>28</v>
      </c>
      <c r="D34" s="108">
        <v>2112</v>
      </c>
      <c r="E34" s="95">
        <v>1</v>
      </c>
      <c r="F34" s="95">
        <v>1</v>
      </c>
      <c r="G34" s="98">
        <v>1</v>
      </c>
      <c r="I34" s="122">
        <v>3721</v>
      </c>
      <c r="J34" s="92" t="s">
        <v>175</v>
      </c>
      <c r="K34" s="95">
        <v>0</v>
      </c>
      <c r="L34" s="95"/>
      <c r="M34" s="98">
        <v>0</v>
      </c>
    </row>
    <row r="35" spans="1:13" ht="13.15">
      <c r="A35" s="139"/>
      <c r="B35" s="137"/>
      <c r="C35" s="131" t="s">
        <v>29</v>
      </c>
      <c r="D35" s="108">
        <v>2119</v>
      </c>
      <c r="E35" s="95">
        <v>10</v>
      </c>
      <c r="F35" s="95">
        <v>60</v>
      </c>
      <c r="G35" s="98">
        <v>30</v>
      </c>
      <c r="I35" s="122">
        <v>3722</v>
      </c>
      <c r="J35" s="92" t="s">
        <v>176</v>
      </c>
      <c r="K35" s="95">
        <v>2105</v>
      </c>
      <c r="L35" s="95">
        <v>2145</v>
      </c>
      <c r="M35" s="98">
        <v>2830</v>
      </c>
    </row>
    <row r="36" spans="1:13" ht="13.15">
      <c r="A36" s="139"/>
      <c r="B36" s="136" t="s">
        <v>19</v>
      </c>
      <c r="C36" s="131" t="s">
        <v>30</v>
      </c>
      <c r="D36" s="108">
        <v>2131</v>
      </c>
      <c r="E36" s="95">
        <v>110</v>
      </c>
      <c r="F36" s="95">
        <v>111</v>
      </c>
      <c r="G36" s="98">
        <v>110</v>
      </c>
      <c r="I36" s="122">
        <v>3745</v>
      </c>
      <c r="J36" s="92" t="s">
        <v>177</v>
      </c>
      <c r="K36" s="95">
        <v>325</v>
      </c>
      <c r="L36" s="95">
        <v>243</v>
      </c>
      <c r="M36" s="98">
        <v>365</v>
      </c>
    </row>
    <row r="37" spans="1:13" ht="13.15">
      <c r="A37" s="139"/>
      <c r="B37" s="137"/>
      <c r="C37" s="131" t="s">
        <v>31</v>
      </c>
      <c r="D37" s="108">
        <v>2132</v>
      </c>
      <c r="E37" s="95">
        <v>308.60000000000002</v>
      </c>
      <c r="F37" s="95">
        <v>249</v>
      </c>
      <c r="G37" s="98">
        <v>258.60000000000002</v>
      </c>
      <c r="I37" s="122">
        <v>4314</v>
      </c>
      <c r="J37" s="92" t="s">
        <v>178</v>
      </c>
      <c r="K37" s="95">
        <v>0</v>
      </c>
      <c r="L37" s="95"/>
      <c r="M37" s="98">
        <v>0</v>
      </c>
    </row>
    <row r="38" spans="1:13" ht="13.15">
      <c r="A38" s="139"/>
      <c r="B38" s="137"/>
      <c r="C38" s="131" t="s">
        <v>32</v>
      </c>
      <c r="D38" s="108">
        <v>2133</v>
      </c>
      <c r="E38" s="95">
        <v>0</v>
      </c>
      <c r="F38" s="95"/>
      <c r="G38" s="98">
        <v>0</v>
      </c>
      <c r="I38" s="122">
        <v>5311</v>
      </c>
      <c r="J38" s="92" t="s">
        <v>179</v>
      </c>
      <c r="K38" s="95">
        <v>0</v>
      </c>
      <c r="L38" s="95"/>
      <c r="M38" s="98">
        <v>0</v>
      </c>
    </row>
    <row r="39" spans="1:13" ht="13.15">
      <c r="A39" s="139"/>
      <c r="B39" s="140" t="s">
        <v>20</v>
      </c>
      <c r="C39" s="137"/>
      <c r="D39" s="108">
        <v>2142</v>
      </c>
      <c r="E39" s="95">
        <v>0</v>
      </c>
      <c r="F39" s="95"/>
      <c r="G39" s="98">
        <v>0</v>
      </c>
      <c r="I39" s="122">
        <v>5512</v>
      </c>
      <c r="J39" s="92" t="s">
        <v>180</v>
      </c>
      <c r="K39" s="95">
        <v>100</v>
      </c>
      <c r="L39" s="95">
        <v>190</v>
      </c>
      <c r="M39" s="98">
        <v>210</v>
      </c>
    </row>
    <row r="40" spans="1:13" ht="13.15">
      <c r="A40" s="139"/>
      <c r="B40" s="140" t="s">
        <v>21</v>
      </c>
      <c r="C40" s="137"/>
      <c r="D40" s="108">
        <v>2321</v>
      </c>
      <c r="E40" s="95">
        <v>10</v>
      </c>
      <c r="F40" s="95">
        <v>10</v>
      </c>
      <c r="G40" s="98">
        <v>10</v>
      </c>
      <c r="I40" s="122">
        <v>5213</v>
      </c>
      <c r="J40" s="92" t="s">
        <v>181</v>
      </c>
      <c r="K40" s="95">
        <v>20</v>
      </c>
      <c r="L40" s="95"/>
      <c r="M40" s="98">
        <v>20</v>
      </c>
    </row>
    <row r="41" spans="1:13" ht="13.15">
      <c r="A41" s="139"/>
      <c r="B41" s="140" t="s">
        <v>22</v>
      </c>
      <c r="C41" s="137"/>
      <c r="D41" s="108">
        <v>2322</v>
      </c>
      <c r="E41" s="95">
        <v>0</v>
      </c>
      <c r="F41" s="95">
        <v>15</v>
      </c>
      <c r="G41" s="98">
        <v>0</v>
      </c>
      <c r="I41" s="122">
        <v>6112</v>
      </c>
      <c r="J41" s="92" t="s">
        <v>182</v>
      </c>
      <c r="K41" s="95">
        <v>880</v>
      </c>
      <c r="L41" s="95">
        <v>900</v>
      </c>
      <c r="M41" s="98">
        <v>1032</v>
      </c>
    </row>
    <row r="42" spans="1:13" ht="13.15">
      <c r="A42" s="139"/>
      <c r="B42" s="140" t="s">
        <v>23</v>
      </c>
      <c r="C42" s="137"/>
      <c r="D42" s="108">
        <v>2324</v>
      </c>
      <c r="E42" s="95">
        <v>0</v>
      </c>
      <c r="F42" s="95"/>
      <c r="G42" s="98">
        <v>0</v>
      </c>
      <c r="I42" s="122">
        <v>6114</v>
      </c>
      <c r="J42" s="92" t="s">
        <v>183</v>
      </c>
      <c r="K42" s="95">
        <v>0</v>
      </c>
      <c r="L42" s="95"/>
      <c r="M42" s="98">
        <v>0</v>
      </c>
    </row>
    <row r="43" spans="1:13" ht="13.15">
      <c r="A43" s="139"/>
      <c r="B43" s="141" t="s">
        <v>24</v>
      </c>
      <c r="C43" s="142"/>
      <c r="D43" s="129">
        <v>2141</v>
      </c>
      <c r="E43" s="96">
        <v>300</v>
      </c>
      <c r="F43" s="95"/>
      <c r="G43" s="98">
        <v>300</v>
      </c>
      <c r="I43" s="122">
        <v>6115</v>
      </c>
      <c r="J43" s="92" t="s">
        <v>184</v>
      </c>
      <c r="K43" s="95">
        <v>0</v>
      </c>
      <c r="L43" s="95">
        <v>24</v>
      </c>
      <c r="M43" s="98">
        <v>0</v>
      </c>
    </row>
    <row r="44" spans="1:13" ht="13.15">
      <c r="A44" s="135" t="s">
        <v>16</v>
      </c>
      <c r="B44" s="136" t="s">
        <v>25</v>
      </c>
      <c r="C44" s="131" t="s">
        <v>33</v>
      </c>
      <c r="D44" s="107">
        <v>3111</v>
      </c>
      <c r="E44" s="95">
        <v>20</v>
      </c>
      <c r="F44" s="95">
        <v>333.6</v>
      </c>
      <c r="G44" s="98">
        <v>20</v>
      </c>
      <c r="I44" s="122">
        <v>6171</v>
      </c>
      <c r="J44" s="92" t="s">
        <v>86</v>
      </c>
      <c r="K44" s="95">
        <v>1483</v>
      </c>
      <c r="L44" s="95">
        <v>1200</v>
      </c>
      <c r="M44" s="98">
        <v>1753</v>
      </c>
    </row>
    <row r="45" spans="1:13" ht="13.15">
      <c r="A45" s="135"/>
      <c r="B45" s="137"/>
      <c r="C45" s="131" t="s">
        <v>34</v>
      </c>
      <c r="D45" s="107">
        <v>3112</v>
      </c>
      <c r="E45" s="95">
        <v>0</v>
      </c>
      <c r="F45" s="95"/>
      <c r="G45" s="98">
        <v>0</v>
      </c>
      <c r="I45" s="122">
        <v>6310</v>
      </c>
      <c r="J45" s="92" t="s">
        <v>202</v>
      </c>
      <c r="K45" s="95">
        <v>10</v>
      </c>
      <c r="L45" s="95">
        <v>4</v>
      </c>
      <c r="M45" s="98">
        <v>10</v>
      </c>
    </row>
    <row r="46" spans="1:13" ht="13.15">
      <c r="A46" s="135"/>
      <c r="B46" s="137"/>
      <c r="C46" s="131" t="s">
        <v>35</v>
      </c>
      <c r="D46" s="107">
        <v>3122</v>
      </c>
      <c r="E46" s="95">
        <v>800</v>
      </c>
      <c r="F46" s="95">
        <v>600</v>
      </c>
      <c r="G46" s="98">
        <v>550</v>
      </c>
      <c r="I46" s="122">
        <v>6320</v>
      </c>
      <c r="J46" s="92" t="s">
        <v>127</v>
      </c>
      <c r="K46" s="95">
        <v>0</v>
      </c>
      <c r="L46" s="95"/>
      <c r="M46" s="98">
        <v>0</v>
      </c>
    </row>
    <row r="47" spans="1:13">
      <c r="A47" s="130"/>
      <c r="B47" s="127"/>
      <c r="C47" s="87"/>
      <c r="D47" s="87"/>
      <c r="E47" s="87"/>
      <c r="I47" s="122">
        <v>6399</v>
      </c>
      <c r="J47" s="92" t="s">
        <v>185</v>
      </c>
      <c r="K47" s="95">
        <v>0</v>
      </c>
      <c r="L47" s="95"/>
      <c r="M47" s="98">
        <v>0</v>
      </c>
    </row>
    <row r="48" spans="1:13">
      <c r="A48" s="130"/>
      <c r="B48" s="127"/>
      <c r="C48" s="87"/>
      <c r="D48" s="87"/>
      <c r="E48" s="87"/>
      <c r="I48" s="122">
        <v>6402</v>
      </c>
      <c r="J48" s="93" t="s">
        <v>186</v>
      </c>
      <c r="K48" s="95">
        <v>0</v>
      </c>
      <c r="L48" s="96"/>
      <c r="M48" s="99">
        <v>0</v>
      </c>
    </row>
    <row r="49" spans="1:13">
      <c r="A49" s="130"/>
      <c r="B49" s="127"/>
      <c r="C49" s="87"/>
      <c r="D49" s="87"/>
      <c r="E49" s="87"/>
      <c r="I49" s="125">
        <v>6409</v>
      </c>
      <c r="J49" s="94" t="s">
        <v>187</v>
      </c>
      <c r="K49" s="95">
        <v>200</v>
      </c>
      <c r="L49" s="95">
        <v>897</v>
      </c>
      <c r="M49" s="98">
        <v>255</v>
      </c>
    </row>
    <row r="50" spans="1:13" ht="13.15">
      <c r="A50" s="130"/>
      <c r="B50" s="127"/>
      <c r="C50" s="87"/>
      <c r="D50" s="87"/>
      <c r="E50" s="87"/>
      <c r="J50" s="97" t="s">
        <v>207</v>
      </c>
      <c r="K50" s="100">
        <v>14537</v>
      </c>
      <c r="L50" s="134">
        <f>SUM(L4:L49)</f>
        <v>13350</v>
      </c>
      <c r="M50" s="100">
        <v>18846</v>
      </c>
    </row>
    <row r="51" spans="1:13">
      <c r="A51" s="130"/>
      <c r="B51" s="127"/>
      <c r="C51" s="87"/>
      <c r="D51" s="87"/>
      <c r="E51" s="87"/>
    </row>
    <row r="52" spans="1:13">
      <c r="A52" s="130"/>
      <c r="B52" s="127"/>
      <c r="C52" s="87"/>
      <c r="D52" s="87"/>
      <c r="E52" s="87"/>
      <c r="K52" s="87"/>
      <c r="L52" s="87"/>
      <c r="M52" s="87"/>
    </row>
    <row r="53" spans="1:13">
      <c r="A53" s="130"/>
      <c r="B53" s="127"/>
      <c r="C53" s="87"/>
      <c r="D53" s="87"/>
      <c r="E53" s="87"/>
      <c r="H53" s="87"/>
      <c r="I53" s="87"/>
      <c r="J53" s="87"/>
      <c r="K53" s="87"/>
    </row>
    <row r="54" spans="1:13">
      <c r="A54" s="130"/>
      <c r="B54" s="127"/>
      <c r="C54" s="87"/>
      <c r="D54" s="87"/>
      <c r="E54" s="87"/>
      <c r="H54" s="87"/>
      <c r="I54" s="87"/>
      <c r="J54" s="87"/>
      <c r="K54" s="87"/>
    </row>
    <row r="55" spans="1:13">
      <c r="A55" s="130"/>
      <c r="B55" s="127"/>
      <c r="C55" s="87"/>
      <c r="D55" s="87"/>
      <c r="E55" s="87"/>
      <c r="H55" s="87"/>
      <c r="I55" s="87"/>
      <c r="J55" s="87"/>
      <c r="K55" s="87"/>
    </row>
    <row r="56" spans="1:13">
      <c r="A56" s="130"/>
      <c r="B56" s="127"/>
      <c r="C56" s="87"/>
      <c r="D56" s="87"/>
      <c r="E56" s="87"/>
      <c r="H56" s="87"/>
      <c r="I56" s="87"/>
      <c r="J56" s="87"/>
      <c r="K56" s="87"/>
    </row>
    <row r="57" spans="1:13">
      <c r="A57" s="130"/>
      <c r="B57" s="127"/>
      <c r="C57" s="87"/>
      <c r="D57" s="87"/>
      <c r="E57" s="87"/>
      <c r="H57" s="87"/>
      <c r="I57" s="87"/>
      <c r="J57" s="87"/>
      <c r="K57" s="87"/>
    </row>
    <row r="58" spans="1:13">
      <c r="A58" s="130"/>
      <c r="B58" s="127"/>
      <c r="C58" s="87"/>
      <c r="D58" s="87"/>
      <c r="E58" s="87"/>
      <c r="H58" s="87"/>
      <c r="I58" s="87"/>
      <c r="J58" s="87"/>
      <c r="K58" s="87"/>
    </row>
    <row r="59" spans="1:13">
      <c r="A59" s="130"/>
      <c r="B59" s="127"/>
      <c r="C59" s="87"/>
      <c r="D59" s="87"/>
      <c r="E59" s="87"/>
      <c r="H59" s="87"/>
      <c r="I59" s="87"/>
      <c r="J59" s="87"/>
      <c r="K59" s="87"/>
    </row>
    <row r="60" spans="1:13" ht="13.15">
      <c r="A60" s="126"/>
      <c r="B60" s="127"/>
      <c r="C60" s="87"/>
      <c r="D60" s="87"/>
      <c r="E60" s="87"/>
      <c r="H60" s="87"/>
      <c r="I60" s="87"/>
      <c r="J60" s="87"/>
      <c r="K60" s="87"/>
    </row>
    <row r="61" spans="1:13">
      <c r="A61" s="87"/>
      <c r="B61" s="87"/>
      <c r="C61" s="87"/>
      <c r="D61" s="87"/>
      <c r="E61" s="87"/>
      <c r="H61" s="87"/>
      <c r="I61" s="87"/>
      <c r="J61" s="87"/>
      <c r="K61" s="87"/>
    </row>
    <row r="62" spans="1:13" ht="111" customHeight="1">
      <c r="A62" s="87"/>
      <c r="B62" s="87"/>
      <c r="C62" s="87"/>
      <c r="D62" s="87"/>
      <c r="E62" s="87"/>
      <c r="H62" s="87"/>
      <c r="I62" s="87"/>
      <c r="J62" s="87"/>
      <c r="K62" s="87"/>
    </row>
    <row r="63" spans="1:13" ht="12.75" customHeight="1"/>
    <row r="64" spans="1:13" ht="12.75" customHeight="1"/>
    <row r="65" ht="12.75" customHeight="1"/>
    <row r="66" ht="12.75" customHeight="1"/>
    <row r="67" ht="12.75" customHeight="1"/>
    <row r="74" ht="12.75" customHeight="1"/>
    <row r="75" ht="69.75" customHeight="1"/>
  </sheetData>
  <mergeCells count="10">
    <mergeCell ref="A44:A46"/>
    <mergeCell ref="B44:B46"/>
    <mergeCell ref="A33:A43"/>
    <mergeCell ref="B33:B35"/>
    <mergeCell ref="B36:B38"/>
    <mergeCell ref="B39:C39"/>
    <mergeCell ref="B40:C40"/>
    <mergeCell ref="B41:C41"/>
    <mergeCell ref="B42:C42"/>
    <mergeCell ref="B43:C43"/>
  </mergeCell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U1000"/>
  <sheetViews>
    <sheetView showWhiteSpace="0" view="pageLayout" zoomScale="70" zoomScaleNormal="100" zoomScalePageLayoutView="70" workbookViewId="0">
      <selection activeCell="Q31" sqref="Q31"/>
    </sheetView>
  </sheetViews>
  <sheetFormatPr defaultColWidth="12.625" defaultRowHeight="15" customHeight="1"/>
  <cols>
    <col min="1" max="1" width="6.625" customWidth="1"/>
    <col min="2" max="2" width="10" customWidth="1"/>
    <col min="3" max="3" width="56.375" customWidth="1"/>
    <col min="4" max="4" width="15.375" customWidth="1"/>
    <col min="5" max="5" width="3.125" customWidth="1"/>
    <col min="6" max="6" width="4.875" customWidth="1"/>
    <col min="7" max="7" width="20.25" customWidth="1"/>
    <col min="8" max="13" width="8.125" customWidth="1"/>
    <col min="14" max="14" width="8.25" customWidth="1"/>
    <col min="15" max="16" width="8.125" customWidth="1"/>
    <col min="17" max="17" width="9.125" customWidth="1"/>
    <col min="18" max="18" width="8.375" customWidth="1"/>
    <col min="19" max="21" width="8.125" customWidth="1"/>
  </cols>
  <sheetData>
    <row r="1" spans="1:21" ht="13.5" customHeight="1">
      <c r="C1" s="152" t="s">
        <v>0</v>
      </c>
      <c r="D1" s="153"/>
      <c r="E1" s="153"/>
      <c r="F1" s="154"/>
      <c r="G1" s="153"/>
      <c r="H1" s="153"/>
      <c r="I1" s="153"/>
      <c r="J1" s="153"/>
      <c r="K1" s="153"/>
      <c r="L1" s="153"/>
      <c r="M1" s="153"/>
      <c r="N1" s="153"/>
      <c r="O1" s="153"/>
      <c r="P1" s="153"/>
      <c r="Q1" s="153"/>
      <c r="R1" s="153"/>
      <c r="S1" s="153"/>
      <c r="T1" s="153"/>
      <c r="U1" s="153"/>
    </row>
    <row r="2" spans="1:21" ht="25.5" customHeight="1">
      <c r="A2" s="155" t="s">
        <v>1</v>
      </c>
      <c r="B2" s="156" t="s">
        <v>2</v>
      </c>
      <c r="C2" s="157" t="s">
        <v>3</v>
      </c>
      <c r="D2" s="155" t="s">
        <v>4</v>
      </c>
      <c r="E2" s="3"/>
      <c r="F2" s="164" t="s">
        <v>5</v>
      </c>
      <c r="G2" s="153"/>
      <c r="H2" s="161" t="s">
        <v>6</v>
      </c>
      <c r="I2" s="153"/>
      <c r="J2" s="153"/>
      <c r="K2" s="153"/>
      <c r="L2" s="153"/>
      <c r="M2" s="153"/>
      <c r="N2" s="153"/>
      <c r="O2" s="153"/>
      <c r="P2" s="153"/>
      <c r="Q2" s="153"/>
      <c r="R2" s="153"/>
      <c r="S2" s="162" t="s">
        <v>7</v>
      </c>
      <c r="T2" s="153"/>
      <c r="U2" s="153"/>
    </row>
    <row r="3" spans="1:21" ht="12.75" customHeight="1">
      <c r="A3" s="144"/>
      <c r="B3" s="144"/>
      <c r="C3" s="158"/>
      <c r="D3" s="144"/>
      <c r="E3" s="2"/>
      <c r="F3" s="163" t="s">
        <v>196</v>
      </c>
      <c r="G3" s="153"/>
      <c r="H3" s="153"/>
      <c r="I3" s="153"/>
      <c r="J3" s="153"/>
      <c r="K3" s="153"/>
      <c r="L3" s="153"/>
      <c r="M3" s="4"/>
      <c r="N3" s="4"/>
      <c r="O3" s="4"/>
      <c r="P3" s="4"/>
      <c r="R3" s="2"/>
      <c r="S3" s="162" t="s">
        <v>8</v>
      </c>
      <c r="T3" s="153"/>
      <c r="U3" s="153"/>
    </row>
    <row r="4" spans="1:21" ht="13.5" customHeight="1">
      <c r="A4" s="145"/>
      <c r="B4" s="145"/>
      <c r="C4" s="159"/>
      <c r="D4" s="145"/>
      <c r="E4" s="2"/>
      <c r="F4" s="5" t="s">
        <v>197</v>
      </c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</row>
    <row r="5" spans="1:21" ht="18" customHeight="1">
      <c r="A5" s="160"/>
      <c r="B5" s="6">
        <v>1111</v>
      </c>
      <c r="C5" s="7" t="s">
        <v>9</v>
      </c>
      <c r="D5" s="8">
        <v>2000</v>
      </c>
      <c r="E5" s="2"/>
      <c r="F5" s="2"/>
      <c r="G5" s="152" t="s">
        <v>10</v>
      </c>
      <c r="H5" s="153"/>
      <c r="I5" s="153"/>
      <c r="J5" s="1"/>
      <c r="K5" s="2"/>
      <c r="L5" s="2"/>
      <c r="M5" s="2"/>
      <c r="N5" s="2"/>
      <c r="O5" s="2"/>
      <c r="P5" s="2"/>
      <c r="Q5" s="2"/>
      <c r="R5" s="165" t="s">
        <v>11</v>
      </c>
      <c r="S5" s="166"/>
      <c r="T5" s="166"/>
      <c r="U5" s="166"/>
    </row>
    <row r="6" spans="1:21" ht="18" customHeight="1">
      <c r="A6" s="144"/>
      <c r="B6" s="10">
        <v>1112</v>
      </c>
      <c r="C6" s="11" t="s">
        <v>12</v>
      </c>
      <c r="D6" s="12">
        <v>130</v>
      </c>
      <c r="E6" s="2"/>
      <c r="F6" s="143" t="s">
        <v>13</v>
      </c>
      <c r="G6" s="156" t="s">
        <v>14</v>
      </c>
      <c r="H6" s="167" t="s">
        <v>15</v>
      </c>
      <c r="I6" s="147"/>
      <c r="J6" s="147"/>
      <c r="K6" s="147"/>
      <c r="L6" s="147"/>
      <c r="M6" s="147"/>
      <c r="N6" s="147"/>
      <c r="O6" s="147"/>
      <c r="P6" s="147"/>
      <c r="Q6" s="147"/>
      <c r="R6" s="148"/>
      <c r="S6" s="167" t="s">
        <v>16</v>
      </c>
      <c r="T6" s="147"/>
      <c r="U6" s="148"/>
    </row>
    <row r="7" spans="1:21" ht="21.75" customHeight="1">
      <c r="A7" s="144"/>
      <c r="B7" s="10">
        <v>1113</v>
      </c>
      <c r="C7" s="11" t="s">
        <v>17</v>
      </c>
      <c r="D7" s="12">
        <v>300</v>
      </c>
      <c r="E7" s="2"/>
      <c r="F7" s="144"/>
      <c r="G7" s="144"/>
      <c r="H7" s="146" t="s">
        <v>18</v>
      </c>
      <c r="I7" s="147"/>
      <c r="J7" s="148"/>
      <c r="K7" s="146" t="s">
        <v>19</v>
      </c>
      <c r="L7" s="147"/>
      <c r="M7" s="148"/>
      <c r="N7" s="149" t="s">
        <v>20</v>
      </c>
      <c r="O7" s="149" t="s">
        <v>21</v>
      </c>
      <c r="P7" s="149" t="s">
        <v>22</v>
      </c>
      <c r="Q7" s="149" t="s">
        <v>23</v>
      </c>
      <c r="R7" s="149" t="s">
        <v>24</v>
      </c>
      <c r="S7" s="168" t="s">
        <v>25</v>
      </c>
      <c r="T7" s="169"/>
      <c r="U7" s="170"/>
    </row>
    <row r="8" spans="1:21" ht="21">
      <c r="A8" s="144"/>
      <c r="B8" s="10">
        <v>1121</v>
      </c>
      <c r="C8" s="11" t="s">
        <v>26</v>
      </c>
      <c r="D8" s="12">
        <v>2200</v>
      </c>
      <c r="E8" s="2"/>
      <c r="F8" s="144"/>
      <c r="G8" s="144"/>
      <c r="H8" s="13" t="s">
        <v>27</v>
      </c>
      <c r="I8" s="13" t="s">
        <v>28</v>
      </c>
      <c r="J8" s="13" t="s">
        <v>29</v>
      </c>
      <c r="K8" s="13" t="s">
        <v>30</v>
      </c>
      <c r="L8" s="13" t="s">
        <v>31</v>
      </c>
      <c r="M8" s="13" t="s">
        <v>32</v>
      </c>
      <c r="N8" s="145"/>
      <c r="O8" s="145"/>
      <c r="P8" s="145"/>
      <c r="Q8" s="145"/>
      <c r="R8" s="145"/>
      <c r="S8" s="13" t="s">
        <v>33</v>
      </c>
      <c r="T8" s="13" t="s">
        <v>34</v>
      </c>
      <c r="U8" s="13" t="s">
        <v>35</v>
      </c>
    </row>
    <row r="9" spans="1:21" ht="18" customHeight="1">
      <c r="A9" s="144"/>
      <c r="B9" s="10">
        <v>1122</v>
      </c>
      <c r="C9" s="11" t="s">
        <v>36</v>
      </c>
      <c r="D9" s="12">
        <v>200</v>
      </c>
      <c r="E9" s="2"/>
      <c r="F9" s="145"/>
      <c r="G9" s="145"/>
      <c r="H9" s="14">
        <v>2111</v>
      </c>
      <c r="I9" s="14">
        <v>2112</v>
      </c>
      <c r="J9" s="14">
        <v>2119</v>
      </c>
      <c r="K9" s="14">
        <v>2131</v>
      </c>
      <c r="L9" s="14">
        <v>2132</v>
      </c>
      <c r="M9" s="14">
        <v>2133</v>
      </c>
      <c r="N9" s="14">
        <v>2142</v>
      </c>
      <c r="O9" s="14">
        <v>2321</v>
      </c>
      <c r="P9" s="14">
        <v>2322</v>
      </c>
      <c r="Q9" s="14">
        <v>2324</v>
      </c>
      <c r="R9" s="14">
        <v>2141</v>
      </c>
      <c r="S9" s="15">
        <v>3111</v>
      </c>
      <c r="T9" s="14">
        <v>3112</v>
      </c>
      <c r="U9" s="14">
        <v>3122</v>
      </c>
    </row>
    <row r="10" spans="1:21" ht="18" customHeight="1">
      <c r="A10" s="144"/>
      <c r="B10" s="10">
        <v>1211</v>
      </c>
      <c r="C10" s="11" t="s">
        <v>37</v>
      </c>
      <c r="D10" s="12">
        <v>5000</v>
      </c>
      <c r="E10" s="2"/>
      <c r="F10" s="16">
        <v>1031</v>
      </c>
      <c r="G10" s="17" t="s">
        <v>38</v>
      </c>
      <c r="H10" s="8"/>
      <c r="I10" s="8"/>
      <c r="J10" s="8"/>
      <c r="K10" s="8"/>
      <c r="L10" s="8"/>
      <c r="M10" s="8"/>
      <c r="N10" s="8"/>
      <c r="O10" s="8"/>
      <c r="P10" s="8"/>
      <c r="Q10" s="8"/>
      <c r="R10" s="8"/>
      <c r="S10" s="8"/>
      <c r="T10" s="18"/>
      <c r="U10" s="8"/>
    </row>
    <row r="11" spans="1:21" ht="18" customHeight="1">
      <c r="A11" s="144"/>
      <c r="B11" s="19">
        <v>1334</v>
      </c>
      <c r="C11" s="20" t="s">
        <v>39</v>
      </c>
      <c r="D11" s="21">
        <v>0</v>
      </c>
      <c r="E11" s="2"/>
      <c r="F11" s="22">
        <v>2140</v>
      </c>
      <c r="G11" s="23" t="s">
        <v>40</v>
      </c>
      <c r="H11" s="12"/>
      <c r="I11" s="12"/>
      <c r="J11" s="12"/>
      <c r="K11" s="12"/>
      <c r="L11" s="12"/>
      <c r="M11" s="12"/>
      <c r="N11" s="12"/>
      <c r="O11" s="12"/>
      <c r="P11" s="12"/>
      <c r="Q11" s="12"/>
      <c r="R11" s="12"/>
      <c r="S11" s="12"/>
      <c r="T11" s="24"/>
      <c r="U11" s="12"/>
    </row>
    <row r="12" spans="1:21" ht="18" customHeight="1">
      <c r="A12" s="144"/>
      <c r="B12" s="19"/>
      <c r="C12" s="20"/>
      <c r="D12" s="21"/>
      <c r="E12" s="2"/>
      <c r="F12" s="22">
        <v>2279</v>
      </c>
      <c r="G12" s="23" t="s">
        <v>41</v>
      </c>
      <c r="H12" s="12"/>
      <c r="I12" s="12"/>
      <c r="J12" s="12"/>
      <c r="K12" s="12"/>
      <c r="L12" s="12"/>
      <c r="M12" s="12"/>
      <c r="N12" s="12"/>
      <c r="O12" s="12"/>
      <c r="P12" s="12"/>
      <c r="Q12" s="12"/>
      <c r="R12" s="12"/>
      <c r="S12" s="12"/>
      <c r="T12" s="24"/>
      <c r="U12" s="12"/>
    </row>
    <row r="13" spans="1:21" ht="18" customHeight="1">
      <c r="A13" s="144"/>
      <c r="B13" s="10">
        <v>1341</v>
      </c>
      <c r="C13" s="11" t="s">
        <v>42</v>
      </c>
      <c r="D13" s="12">
        <v>12</v>
      </c>
      <c r="E13" s="2"/>
      <c r="F13" s="22">
        <v>2310</v>
      </c>
      <c r="G13" s="23" t="s">
        <v>43</v>
      </c>
      <c r="H13" s="12"/>
      <c r="I13" s="12"/>
      <c r="J13" s="12"/>
      <c r="K13" s="12"/>
      <c r="L13" s="12">
        <v>100</v>
      </c>
      <c r="M13" s="12"/>
      <c r="N13" s="12"/>
      <c r="O13" s="12"/>
      <c r="P13" s="12"/>
      <c r="Q13" s="12"/>
      <c r="R13" s="12"/>
      <c r="S13" s="12"/>
      <c r="T13" s="24"/>
      <c r="U13" s="12">
        <v>500</v>
      </c>
    </row>
    <row r="14" spans="1:21" ht="18" customHeight="1">
      <c r="A14" s="144"/>
      <c r="B14" s="10">
        <v>1342</v>
      </c>
      <c r="C14" s="11" t="s">
        <v>44</v>
      </c>
      <c r="D14" s="12">
        <v>45</v>
      </c>
      <c r="E14" s="2"/>
      <c r="F14" s="22">
        <v>2321</v>
      </c>
      <c r="G14" s="23" t="s">
        <v>45</v>
      </c>
      <c r="H14" s="12"/>
      <c r="I14" s="12"/>
      <c r="J14" s="12"/>
      <c r="K14" s="12"/>
      <c r="L14" s="12">
        <v>70</v>
      </c>
      <c r="M14" s="12"/>
      <c r="N14" s="12"/>
      <c r="O14" s="12"/>
      <c r="P14" s="12"/>
      <c r="Q14" s="12"/>
      <c r="R14" s="12"/>
      <c r="S14" s="12"/>
      <c r="T14" s="24"/>
      <c r="U14" s="12">
        <v>30</v>
      </c>
    </row>
    <row r="15" spans="1:21" ht="18" customHeight="1">
      <c r="A15" s="144"/>
      <c r="B15" s="10">
        <v>1343</v>
      </c>
      <c r="C15" s="11" t="s">
        <v>46</v>
      </c>
      <c r="D15" s="12">
        <v>0</v>
      </c>
      <c r="E15" s="2"/>
      <c r="F15" s="22">
        <v>2341</v>
      </c>
      <c r="G15" s="23" t="s">
        <v>47</v>
      </c>
      <c r="H15" s="12"/>
      <c r="I15" s="12"/>
      <c r="J15" s="12"/>
      <c r="K15" s="12"/>
      <c r="L15" s="12"/>
      <c r="M15" s="12"/>
      <c r="N15" s="12"/>
      <c r="O15" s="12"/>
      <c r="P15" s="12"/>
      <c r="Q15" s="12"/>
      <c r="R15" s="12"/>
      <c r="S15" s="12"/>
      <c r="T15" s="24"/>
      <c r="U15" s="12"/>
    </row>
    <row r="16" spans="1:21" ht="18" customHeight="1">
      <c r="A16" s="144"/>
      <c r="B16" s="10">
        <v>1344</v>
      </c>
      <c r="C16" s="11" t="s">
        <v>48</v>
      </c>
      <c r="D16" s="12">
        <v>0</v>
      </c>
      <c r="E16" s="2"/>
      <c r="F16" s="22">
        <v>3111</v>
      </c>
      <c r="G16" s="23" t="s">
        <v>49</v>
      </c>
      <c r="H16" s="12"/>
      <c r="I16" s="12"/>
      <c r="J16" s="12"/>
      <c r="K16" s="12"/>
      <c r="L16" s="12"/>
      <c r="M16" s="12"/>
      <c r="N16" s="12"/>
      <c r="O16" s="12"/>
      <c r="P16" s="12"/>
      <c r="Q16" s="12"/>
      <c r="R16" s="12"/>
      <c r="S16" s="12"/>
      <c r="T16" s="24"/>
      <c r="U16" s="12"/>
    </row>
    <row r="17" spans="1:21" ht="18" customHeight="1">
      <c r="A17" s="144"/>
      <c r="B17" s="10">
        <v>1345</v>
      </c>
      <c r="C17" s="11" t="s">
        <v>198</v>
      </c>
      <c r="D17" s="12">
        <v>1400</v>
      </c>
      <c r="E17" s="2"/>
      <c r="F17" s="22">
        <v>3113</v>
      </c>
      <c r="G17" s="23" t="s">
        <v>50</v>
      </c>
      <c r="H17" s="12"/>
      <c r="I17" s="12"/>
      <c r="J17" s="12"/>
      <c r="K17" s="12"/>
      <c r="L17" s="12"/>
      <c r="M17" s="12"/>
      <c r="N17" s="12"/>
      <c r="O17" s="12"/>
      <c r="P17" s="12"/>
      <c r="Q17" s="12"/>
      <c r="R17" s="12"/>
      <c r="S17" s="12"/>
      <c r="T17" s="24"/>
      <c r="U17" s="12"/>
    </row>
    <row r="18" spans="1:21" ht="18" customHeight="1">
      <c r="A18" s="144"/>
      <c r="B18" s="10"/>
      <c r="C18" s="11"/>
      <c r="D18" s="12"/>
      <c r="E18" s="2"/>
      <c r="F18" s="22">
        <v>3141</v>
      </c>
      <c r="G18" s="23" t="s">
        <v>51</v>
      </c>
      <c r="H18" s="12"/>
      <c r="I18" s="12"/>
      <c r="J18" s="12"/>
      <c r="K18" s="12"/>
      <c r="L18" s="12"/>
      <c r="M18" s="12"/>
      <c r="N18" s="12"/>
      <c r="O18" s="12"/>
      <c r="P18" s="12"/>
      <c r="Q18" s="12"/>
      <c r="R18" s="12"/>
      <c r="S18" s="12"/>
      <c r="T18" s="24"/>
      <c r="U18" s="12"/>
    </row>
    <row r="19" spans="1:21" ht="18" customHeight="1">
      <c r="A19" s="144"/>
      <c r="B19" s="10">
        <v>1361</v>
      </c>
      <c r="C19" s="11" t="s">
        <v>52</v>
      </c>
      <c r="D19" s="12">
        <v>10</v>
      </c>
      <c r="E19" s="2"/>
      <c r="F19" s="22">
        <v>3312</v>
      </c>
      <c r="G19" s="23" t="s">
        <v>53</v>
      </c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24"/>
      <c r="U19" s="12"/>
    </row>
    <row r="20" spans="1:21" ht="18" customHeight="1">
      <c r="A20" s="144"/>
      <c r="B20" s="10">
        <v>1381</v>
      </c>
      <c r="C20" s="11" t="s">
        <v>54</v>
      </c>
      <c r="D20" s="12">
        <v>80</v>
      </c>
      <c r="E20" s="2"/>
      <c r="F20" s="22">
        <v>3314</v>
      </c>
      <c r="G20" s="23" t="s">
        <v>55</v>
      </c>
      <c r="H20" s="12"/>
      <c r="I20" s="12"/>
      <c r="J20" s="12"/>
      <c r="K20" s="12"/>
      <c r="L20" s="12"/>
      <c r="M20" s="12"/>
      <c r="N20" s="12"/>
      <c r="O20" s="12"/>
      <c r="P20" s="12"/>
      <c r="Q20" s="12"/>
      <c r="R20" s="12"/>
      <c r="S20" s="12"/>
      <c r="T20" s="24"/>
      <c r="U20" s="12"/>
    </row>
    <row r="21" spans="1:21" ht="18" customHeight="1">
      <c r="A21" s="144"/>
      <c r="B21" s="10">
        <v>1511</v>
      </c>
      <c r="C21" s="11" t="s">
        <v>56</v>
      </c>
      <c r="D21" s="12">
        <v>850</v>
      </c>
      <c r="E21" s="2"/>
      <c r="F21" s="22">
        <v>3392</v>
      </c>
      <c r="G21" s="23" t="s">
        <v>57</v>
      </c>
      <c r="H21" s="12"/>
      <c r="I21" s="12"/>
      <c r="J21" s="12"/>
      <c r="K21" s="12"/>
      <c r="L21" s="12"/>
      <c r="M21" s="12"/>
      <c r="N21" s="12"/>
      <c r="O21" s="12"/>
      <c r="P21" s="12"/>
      <c r="Q21" s="12"/>
      <c r="R21" s="12"/>
      <c r="S21" s="12"/>
      <c r="T21" s="24"/>
      <c r="U21" s="12"/>
    </row>
    <row r="22" spans="1:21" ht="18" customHeight="1">
      <c r="A22" s="144"/>
      <c r="B22" s="10"/>
      <c r="C22" s="11"/>
      <c r="D22" s="12"/>
      <c r="E22" s="2"/>
      <c r="F22" s="22">
        <v>3399</v>
      </c>
      <c r="G22" s="23" t="s">
        <v>58</v>
      </c>
      <c r="H22" s="12">
        <v>50</v>
      </c>
      <c r="I22" s="12"/>
      <c r="J22" s="12"/>
      <c r="K22" s="12"/>
      <c r="L22" s="12">
        <v>25</v>
      </c>
      <c r="M22" s="12"/>
      <c r="N22" s="12"/>
      <c r="O22" s="12">
        <v>10</v>
      </c>
      <c r="P22" s="12"/>
      <c r="Q22" s="12"/>
      <c r="R22" s="12"/>
      <c r="S22" s="12"/>
      <c r="T22" s="24"/>
      <c r="U22" s="12"/>
    </row>
    <row r="23" spans="1:21" ht="18" customHeight="1">
      <c r="A23" s="25"/>
      <c r="B23" s="19"/>
      <c r="C23" s="20"/>
      <c r="D23" s="21"/>
      <c r="E23" s="2"/>
      <c r="F23" s="22">
        <v>3412</v>
      </c>
      <c r="G23" s="23" t="s">
        <v>59</v>
      </c>
      <c r="H23" s="12"/>
      <c r="I23" s="12"/>
      <c r="J23" s="12"/>
      <c r="K23" s="12"/>
      <c r="L23" s="12"/>
      <c r="M23" s="12"/>
      <c r="N23" s="12"/>
      <c r="O23" s="12"/>
      <c r="P23" s="12"/>
      <c r="Q23" s="12"/>
      <c r="R23" s="12"/>
      <c r="S23" s="12"/>
      <c r="T23" s="24"/>
      <c r="U23" s="12"/>
    </row>
    <row r="24" spans="1:21" ht="18" customHeight="1">
      <c r="A24" s="26" t="s">
        <v>60</v>
      </c>
      <c r="B24" s="27"/>
      <c r="C24" s="26" t="s">
        <v>61</v>
      </c>
      <c r="D24" s="28">
        <f>SUM(D5:D22)</f>
        <v>12227</v>
      </c>
      <c r="E24" s="2"/>
      <c r="F24" s="22">
        <v>3492</v>
      </c>
      <c r="G24" s="23" t="s">
        <v>62</v>
      </c>
      <c r="H24" s="12"/>
      <c r="I24" s="12"/>
      <c r="J24" s="12"/>
      <c r="K24" s="12"/>
      <c r="L24" s="12"/>
      <c r="M24" s="12"/>
      <c r="N24" s="12"/>
      <c r="O24" s="12"/>
      <c r="P24" s="12"/>
      <c r="Q24" s="12"/>
      <c r="R24" s="12"/>
      <c r="S24" s="12"/>
      <c r="T24" s="24"/>
      <c r="U24" s="12"/>
    </row>
    <row r="25" spans="1:21" ht="18" customHeight="1">
      <c r="A25" s="22" t="s">
        <v>63</v>
      </c>
      <c r="B25" s="29"/>
      <c r="C25" s="22" t="s">
        <v>64</v>
      </c>
      <c r="D25" s="30">
        <f>SUM(H45:R45)</f>
        <v>770.6</v>
      </c>
      <c r="E25" s="2"/>
      <c r="F25" s="22">
        <v>3429</v>
      </c>
      <c r="G25" s="23" t="s">
        <v>65</v>
      </c>
      <c r="H25" s="12"/>
      <c r="I25" s="12"/>
      <c r="J25" s="12"/>
      <c r="K25" s="12"/>
      <c r="L25" s="12"/>
      <c r="M25" s="12"/>
      <c r="N25" s="12"/>
      <c r="O25" s="12"/>
      <c r="P25" s="12"/>
      <c r="Q25" s="12"/>
      <c r="R25" s="12"/>
      <c r="S25" s="12"/>
      <c r="T25" s="24"/>
      <c r="U25" s="12"/>
    </row>
    <row r="26" spans="1:21" ht="18" customHeight="1">
      <c r="A26" s="16" t="s">
        <v>66</v>
      </c>
      <c r="B26" s="31"/>
      <c r="C26" s="16" t="s">
        <v>67</v>
      </c>
      <c r="D26" s="32">
        <f>SUM(S45:U45)</f>
        <v>570</v>
      </c>
      <c r="E26" s="2"/>
      <c r="F26" s="22">
        <v>3612</v>
      </c>
      <c r="G26" s="23" t="s">
        <v>68</v>
      </c>
      <c r="H26" s="12"/>
      <c r="I26" s="12"/>
      <c r="J26" s="12"/>
      <c r="K26" s="12"/>
      <c r="L26" s="12">
        <v>60</v>
      </c>
      <c r="M26" s="12"/>
      <c r="N26" s="12"/>
      <c r="O26" s="12"/>
      <c r="P26" s="12"/>
      <c r="Q26" s="12"/>
      <c r="R26" s="12"/>
      <c r="S26" s="12"/>
      <c r="T26" s="24"/>
      <c r="U26" s="12"/>
    </row>
    <row r="27" spans="1:21" ht="18" customHeight="1">
      <c r="A27" s="33"/>
      <c r="B27" s="34"/>
      <c r="C27" s="35" t="s">
        <v>69</v>
      </c>
      <c r="D27" s="36">
        <f>SUM(D24:D26)</f>
        <v>13567.6</v>
      </c>
      <c r="E27" s="2"/>
      <c r="F27" s="22">
        <v>3613</v>
      </c>
      <c r="G27" s="23" t="s">
        <v>70</v>
      </c>
      <c r="H27" s="12"/>
      <c r="I27" s="12"/>
      <c r="J27" s="12"/>
      <c r="K27" s="12"/>
      <c r="L27" s="12"/>
      <c r="M27" s="12"/>
      <c r="N27" s="12"/>
      <c r="O27" s="12"/>
      <c r="P27" s="12"/>
      <c r="Q27" s="12"/>
      <c r="R27" s="12"/>
      <c r="S27" s="12"/>
      <c r="T27" s="24"/>
      <c r="U27" s="12"/>
    </row>
    <row r="28" spans="1:21" ht="18" customHeight="1">
      <c r="A28" s="37"/>
      <c r="B28" s="31">
        <v>4111</v>
      </c>
      <c r="C28" s="7" t="s">
        <v>71</v>
      </c>
      <c r="D28" s="12">
        <v>0</v>
      </c>
      <c r="E28" s="2"/>
      <c r="F28" s="22">
        <v>3631</v>
      </c>
      <c r="G28" s="23" t="s">
        <v>72</v>
      </c>
      <c r="H28" s="12"/>
      <c r="I28" s="12"/>
      <c r="J28" s="12"/>
      <c r="K28" s="12"/>
      <c r="L28" s="12">
        <v>0.4</v>
      </c>
      <c r="M28" s="12"/>
      <c r="N28" s="12"/>
      <c r="O28" s="12"/>
      <c r="P28" s="12"/>
      <c r="Q28" s="12"/>
      <c r="R28" s="12"/>
      <c r="S28" s="12"/>
      <c r="T28" s="24"/>
      <c r="U28" s="12"/>
    </row>
    <row r="29" spans="1:21" ht="18" customHeight="1">
      <c r="A29" s="37"/>
      <c r="B29" s="31">
        <v>4112</v>
      </c>
      <c r="C29" s="7" t="s">
        <v>73</v>
      </c>
      <c r="D29" s="12">
        <v>140</v>
      </c>
      <c r="E29" s="2"/>
      <c r="F29" s="22">
        <v>3632</v>
      </c>
      <c r="G29" s="23" t="s">
        <v>74</v>
      </c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2"/>
      <c r="S29" s="12"/>
      <c r="T29" s="24"/>
      <c r="U29" s="12"/>
    </row>
    <row r="30" spans="1:21" ht="18" customHeight="1">
      <c r="A30" s="37"/>
      <c r="B30" s="31">
        <v>4116</v>
      </c>
      <c r="C30" s="7" t="s">
        <v>75</v>
      </c>
      <c r="D30" s="12">
        <v>0</v>
      </c>
      <c r="E30" s="2"/>
      <c r="F30" s="22">
        <v>3633</v>
      </c>
      <c r="G30" s="23" t="s">
        <v>76</v>
      </c>
      <c r="H30" s="12"/>
      <c r="I30" s="12"/>
      <c r="J30" s="12"/>
      <c r="K30" s="12"/>
      <c r="L30" s="12"/>
      <c r="M30" s="12"/>
      <c r="N30" s="12"/>
      <c r="O30" s="12"/>
      <c r="P30" s="12"/>
      <c r="Q30" s="12"/>
      <c r="R30" s="12"/>
      <c r="S30" s="12"/>
      <c r="T30" s="24"/>
      <c r="U30" s="12">
        <v>20</v>
      </c>
    </row>
    <row r="31" spans="1:21" ht="18" customHeight="1">
      <c r="A31" s="37" t="s">
        <v>203</v>
      </c>
      <c r="B31" s="29">
        <v>4121</v>
      </c>
      <c r="C31" s="11" t="s">
        <v>77</v>
      </c>
      <c r="D31" s="12">
        <v>0</v>
      </c>
      <c r="E31" s="2"/>
      <c r="F31" s="22">
        <v>3639</v>
      </c>
      <c r="G31" s="23" t="s">
        <v>78</v>
      </c>
      <c r="H31" s="12"/>
      <c r="I31" s="12"/>
      <c r="J31" s="12">
        <v>30</v>
      </c>
      <c r="K31" s="12">
        <v>110</v>
      </c>
      <c r="L31" s="12">
        <v>1.2</v>
      </c>
      <c r="M31" s="12"/>
      <c r="N31" s="12"/>
      <c r="O31" s="12"/>
      <c r="P31" s="12"/>
      <c r="Q31" s="12"/>
      <c r="R31" s="12"/>
      <c r="S31" s="12">
        <v>20</v>
      </c>
      <c r="T31" s="24"/>
      <c r="U31" s="12"/>
    </row>
    <row r="32" spans="1:21" ht="18" customHeight="1">
      <c r="A32" s="25"/>
      <c r="B32" s="29">
        <v>4122</v>
      </c>
      <c r="C32" s="11" t="s">
        <v>79</v>
      </c>
      <c r="D32" s="12">
        <v>0</v>
      </c>
      <c r="E32" s="2"/>
      <c r="F32" s="22">
        <v>3722</v>
      </c>
      <c r="G32" s="23" t="s">
        <v>80</v>
      </c>
      <c r="H32" s="12"/>
      <c r="I32" s="12"/>
      <c r="J32" s="12"/>
      <c r="K32" s="12"/>
      <c r="L32" s="12"/>
      <c r="M32" s="12"/>
      <c r="N32" s="12"/>
      <c r="O32" s="12"/>
      <c r="P32" s="12"/>
      <c r="Q32" s="12"/>
      <c r="R32" s="12"/>
      <c r="S32" s="12"/>
      <c r="T32" s="24"/>
      <c r="U32" s="12"/>
    </row>
    <row r="33" spans="1:21" ht="18" customHeight="1">
      <c r="A33" s="25"/>
      <c r="B33" s="29">
        <v>4134</v>
      </c>
      <c r="C33" s="11" t="s">
        <v>81</v>
      </c>
      <c r="D33" s="12">
        <v>0</v>
      </c>
      <c r="E33" s="2"/>
      <c r="F33" s="22">
        <v>3745</v>
      </c>
      <c r="G33" s="23" t="s">
        <v>82</v>
      </c>
      <c r="H33" s="12">
        <v>10</v>
      </c>
      <c r="I33" s="12"/>
      <c r="J33" s="12"/>
      <c r="K33" s="12"/>
      <c r="L33" s="12"/>
      <c r="M33" s="12"/>
      <c r="N33" s="12"/>
      <c r="O33" s="12"/>
      <c r="P33" s="12"/>
      <c r="Q33" s="12"/>
      <c r="R33" s="12"/>
      <c r="S33" s="12"/>
      <c r="T33" s="24"/>
      <c r="U33" s="12"/>
    </row>
    <row r="34" spans="1:21" ht="18" customHeight="1">
      <c r="A34" s="25"/>
      <c r="B34" s="27">
        <v>4216</v>
      </c>
      <c r="C34" s="20" t="s">
        <v>83</v>
      </c>
      <c r="D34" s="21">
        <v>0</v>
      </c>
      <c r="E34" s="2"/>
      <c r="F34" s="22">
        <v>4314</v>
      </c>
      <c r="G34" s="23" t="s">
        <v>84</v>
      </c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2"/>
      <c r="S34" s="12"/>
      <c r="T34" s="24"/>
      <c r="U34" s="12"/>
    </row>
    <row r="35" spans="1:21" ht="18" customHeight="1">
      <c r="A35" s="25"/>
      <c r="B35" s="27">
        <v>4222</v>
      </c>
      <c r="C35" s="20" t="s">
        <v>85</v>
      </c>
      <c r="D35" s="21">
        <v>0</v>
      </c>
      <c r="E35" s="2"/>
      <c r="F35" s="22">
        <v>6171</v>
      </c>
      <c r="G35" s="23" t="s">
        <v>86</v>
      </c>
      <c r="H35" s="12">
        <v>1</v>
      </c>
      <c r="I35" s="12">
        <v>1</v>
      </c>
      <c r="J35" s="12"/>
      <c r="K35" s="12"/>
      <c r="L35" s="12">
        <v>2</v>
      </c>
      <c r="M35" s="12"/>
      <c r="N35" s="12"/>
      <c r="O35" s="12"/>
      <c r="P35" s="12"/>
      <c r="Q35" s="12"/>
      <c r="R35" s="12"/>
      <c r="S35" s="12"/>
      <c r="T35" s="24"/>
      <c r="U35" s="12"/>
    </row>
    <row r="36" spans="1:21" ht="18" customHeight="1">
      <c r="A36" s="38" t="s">
        <v>87</v>
      </c>
      <c r="B36" s="39"/>
      <c r="C36" s="40" t="s">
        <v>88</v>
      </c>
      <c r="D36" s="41">
        <f>SUM(D28:D35)</f>
        <v>140</v>
      </c>
      <c r="E36" s="2"/>
      <c r="F36" s="22">
        <v>6310</v>
      </c>
      <c r="G36" s="23" t="s">
        <v>89</v>
      </c>
      <c r="H36" s="12"/>
      <c r="I36" s="12"/>
      <c r="J36" s="12"/>
      <c r="K36" s="12"/>
      <c r="L36" s="12"/>
      <c r="M36" s="12"/>
      <c r="N36" s="12"/>
      <c r="O36" s="12"/>
      <c r="P36" s="12"/>
      <c r="Q36" s="12"/>
      <c r="R36" s="12">
        <v>300</v>
      </c>
      <c r="S36" s="12"/>
      <c r="T36" s="24"/>
      <c r="U36" s="12"/>
    </row>
    <row r="37" spans="1:21" ht="15.75" customHeight="1">
      <c r="A37" s="42" t="s">
        <v>90</v>
      </c>
      <c r="B37" s="43"/>
      <c r="C37" s="44" t="s">
        <v>91</v>
      </c>
      <c r="D37" s="45"/>
      <c r="E37" s="2"/>
      <c r="F37" s="22">
        <v>6409</v>
      </c>
      <c r="G37" s="23" t="s">
        <v>92</v>
      </c>
      <c r="H37" s="12"/>
      <c r="I37" s="12"/>
      <c r="J37" s="12"/>
      <c r="K37" s="12"/>
      <c r="L37" s="12"/>
      <c r="M37" s="12"/>
      <c r="N37" s="12"/>
      <c r="O37" s="12"/>
      <c r="P37" s="12"/>
      <c r="Q37" s="12"/>
      <c r="R37" s="12"/>
      <c r="S37" s="12"/>
      <c r="T37" s="24"/>
      <c r="U37" s="12"/>
    </row>
    <row r="38" spans="1:21" ht="13.5" customHeight="1">
      <c r="A38" s="46" t="s">
        <v>93</v>
      </c>
      <c r="B38" s="47"/>
      <c r="C38" s="48" t="s">
        <v>94</v>
      </c>
      <c r="D38" s="49">
        <f>D36+D27</f>
        <v>13707.6</v>
      </c>
      <c r="E38" s="2"/>
      <c r="F38" s="22"/>
      <c r="G38" s="23"/>
      <c r="H38" s="12"/>
      <c r="I38" s="12"/>
      <c r="J38" s="12"/>
      <c r="K38" s="12"/>
      <c r="L38" s="12"/>
      <c r="M38" s="12"/>
      <c r="N38" s="12"/>
      <c r="O38" s="12"/>
      <c r="P38" s="12"/>
      <c r="Q38" s="12"/>
      <c r="R38" s="12"/>
      <c r="S38" s="12"/>
      <c r="T38" s="24"/>
      <c r="U38" s="12"/>
    </row>
    <row r="39" spans="1:21" ht="18" customHeight="1">
      <c r="A39" s="50" t="s">
        <v>95</v>
      </c>
      <c r="B39" s="51"/>
      <c r="C39" s="51"/>
      <c r="D39" s="52">
        <f>-Výdaje!AY51+Příjmy!D38+D41</f>
        <v>0</v>
      </c>
      <c r="E39" s="2"/>
      <c r="F39" s="22"/>
      <c r="G39" s="23"/>
      <c r="H39" s="12"/>
      <c r="I39" s="12"/>
      <c r="J39" s="12"/>
      <c r="K39" s="12"/>
      <c r="L39" s="12"/>
      <c r="M39" s="12"/>
      <c r="N39" s="12"/>
      <c r="O39" s="12"/>
      <c r="P39" s="12"/>
      <c r="Q39" s="12"/>
      <c r="R39" s="12"/>
      <c r="S39" s="12"/>
      <c r="T39" s="24"/>
      <c r="U39" s="12"/>
    </row>
    <row r="40" spans="1:21" ht="18" customHeight="1">
      <c r="A40" s="53" t="s">
        <v>96</v>
      </c>
      <c r="B40" s="150" t="s">
        <v>97</v>
      </c>
      <c r="C40" s="148"/>
      <c r="D40" s="54"/>
      <c r="E40" s="2"/>
      <c r="F40" s="22"/>
      <c r="G40" s="23"/>
      <c r="H40" s="12"/>
      <c r="I40" s="12"/>
      <c r="J40" s="12"/>
      <c r="K40" s="12"/>
      <c r="L40" s="12"/>
      <c r="M40" s="12"/>
      <c r="N40" s="12"/>
      <c r="O40" s="12"/>
      <c r="P40" s="12"/>
      <c r="Q40" s="12"/>
      <c r="R40" s="12"/>
      <c r="S40" s="12"/>
      <c r="T40" s="24"/>
      <c r="U40" s="12"/>
    </row>
    <row r="41" spans="1:21" ht="18" customHeight="1">
      <c r="A41" s="55"/>
      <c r="B41" s="10">
        <v>8115</v>
      </c>
      <c r="C41" s="11" t="s">
        <v>98</v>
      </c>
      <c r="D41" s="56">
        <v>5138.3999999999996</v>
      </c>
      <c r="E41" s="2"/>
      <c r="F41" s="22"/>
      <c r="G41" s="23"/>
      <c r="H41" s="12"/>
      <c r="I41" s="12"/>
      <c r="J41" s="12"/>
      <c r="K41" s="12"/>
      <c r="L41" s="12"/>
      <c r="M41" s="12"/>
      <c r="N41" s="12"/>
      <c r="O41" s="12"/>
      <c r="P41" s="12"/>
      <c r="Q41" s="12"/>
      <c r="R41" s="12"/>
      <c r="S41" s="12"/>
      <c r="T41" s="24"/>
      <c r="U41" s="12"/>
    </row>
    <row r="42" spans="1:21" ht="18" customHeight="1">
      <c r="A42" s="55"/>
      <c r="B42" s="10">
        <v>8123</v>
      </c>
      <c r="C42" s="11" t="s">
        <v>99</v>
      </c>
      <c r="D42" s="56">
        <v>0</v>
      </c>
      <c r="E42" s="2"/>
      <c r="F42" s="22"/>
      <c r="G42" s="23"/>
      <c r="H42" s="12"/>
      <c r="I42" s="12"/>
      <c r="J42" s="12"/>
      <c r="K42" s="12"/>
      <c r="L42" s="12"/>
      <c r="M42" s="12"/>
      <c r="N42" s="12"/>
      <c r="O42" s="12"/>
      <c r="P42" s="12"/>
      <c r="Q42" s="12"/>
      <c r="R42" s="12"/>
      <c r="S42" s="12"/>
      <c r="T42" s="24"/>
      <c r="U42" s="12"/>
    </row>
    <row r="43" spans="1:21" ht="13.5" customHeight="1">
      <c r="A43" s="55"/>
      <c r="B43" s="10">
        <v>8124</v>
      </c>
      <c r="C43" s="11" t="s">
        <v>100</v>
      </c>
      <c r="D43" s="56">
        <v>0</v>
      </c>
      <c r="E43" s="2"/>
      <c r="F43" s="22"/>
      <c r="G43" s="23"/>
      <c r="H43" s="12"/>
      <c r="I43" s="12"/>
      <c r="J43" s="12"/>
      <c r="K43" s="12"/>
      <c r="L43" s="12"/>
      <c r="M43" s="12"/>
      <c r="N43" s="12"/>
      <c r="O43" s="12"/>
      <c r="P43" s="12"/>
      <c r="Q43" s="12"/>
      <c r="R43" s="12"/>
      <c r="S43" s="12"/>
      <c r="T43" s="24"/>
      <c r="U43" s="12"/>
    </row>
    <row r="44" spans="1:21" ht="13.5" customHeight="1">
      <c r="A44" s="55"/>
      <c r="B44" s="10">
        <v>8113</v>
      </c>
      <c r="C44" s="11" t="s">
        <v>101</v>
      </c>
      <c r="D44" s="56">
        <v>0</v>
      </c>
      <c r="E44" s="2"/>
      <c r="F44" s="11"/>
      <c r="G44" s="23"/>
      <c r="H44" s="12"/>
      <c r="I44" s="12"/>
      <c r="J44" s="12"/>
      <c r="K44" s="12"/>
      <c r="L44" s="12"/>
      <c r="M44" s="12"/>
      <c r="N44" s="12"/>
      <c r="O44" s="12"/>
      <c r="P44" s="12"/>
      <c r="Q44" s="12"/>
      <c r="R44" s="12"/>
      <c r="S44" s="12"/>
      <c r="T44" s="24"/>
      <c r="U44" s="12"/>
    </row>
    <row r="45" spans="1:21" ht="13.5" customHeight="1">
      <c r="A45" s="57"/>
      <c r="B45" s="10">
        <v>8114</v>
      </c>
      <c r="C45" s="11" t="s">
        <v>102</v>
      </c>
      <c r="D45" s="56">
        <v>0</v>
      </c>
      <c r="E45" s="2"/>
      <c r="F45" s="151" t="s">
        <v>103</v>
      </c>
      <c r="G45" s="148"/>
      <c r="H45" s="12">
        <f t="shared" ref="H45:U45" si="0">SUM(H10:H44)</f>
        <v>61</v>
      </c>
      <c r="I45" s="12">
        <f t="shared" si="0"/>
        <v>1</v>
      </c>
      <c r="J45" s="12">
        <f t="shared" si="0"/>
        <v>30</v>
      </c>
      <c r="K45" s="12">
        <f t="shared" si="0"/>
        <v>110</v>
      </c>
      <c r="L45" s="12">
        <f t="shared" si="0"/>
        <v>258.60000000000002</v>
      </c>
      <c r="M45" s="12">
        <f t="shared" si="0"/>
        <v>0</v>
      </c>
      <c r="N45" s="12">
        <f t="shared" si="0"/>
        <v>0</v>
      </c>
      <c r="O45" s="12">
        <f t="shared" si="0"/>
        <v>10</v>
      </c>
      <c r="P45" s="12">
        <f t="shared" si="0"/>
        <v>0</v>
      </c>
      <c r="Q45" s="12">
        <f t="shared" si="0"/>
        <v>0</v>
      </c>
      <c r="R45" s="12">
        <f t="shared" si="0"/>
        <v>300</v>
      </c>
      <c r="S45" s="12">
        <f t="shared" si="0"/>
        <v>20</v>
      </c>
      <c r="T45" s="12">
        <f t="shared" si="0"/>
        <v>0</v>
      </c>
      <c r="U45" s="12">
        <f t="shared" si="0"/>
        <v>550</v>
      </c>
    </row>
    <row r="46" spans="1:21" ht="13.5" customHeight="1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</row>
    <row r="47" spans="1:21" ht="13.5" customHeight="1">
      <c r="D47" s="85"/>
      <c r="E47" s="2"/>
      <c r="F47" s="2"/>
      <c r="G47" s="2"/>
      <c r="H47" s="2"/>
      <c r="I47" s="2"/>
      <c r="J47" s="2"/>
      <c r="K47" s="2"/>
      <c r="L47" s="2"/>
      <c r="M47" s="2"/>
      <c r="N47" s="2"/>
      <c r="O47" s="2"/>
      <c r="P47" s="2"/>
      <c r="Q47" s="2"/>
      <c r="R47" s="2"/>
      <c r="S47" s="2"/>
      <c r="T47" s="2"/>
      <c r="U47" s="2"/>
    </row>
    <row r="48" spans="1:21" ht="13.5" customHeight="1">
      <c r="A48" s="58" t="s">
        <v>104</v>
      </c>
      <c r="B48" s="59">
        <f>+SUM(H10:U44)+SUM(D5:D22)-SUM(Výdaje!C5:AW50)-Příjmy!D39+SUM(D28:D35)</f>
        <v>-5138.3999999999996</v>
      </c>
      <c r="D48" s="60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</row>
    <row r="49" spans="5:21" ht="13.5" customHeight="1"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</row>
    <row r="50" spans="5:21" ht="13.5" customHeight="1"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</row>
    <row r="51" spans="5:21" ht="13.5" customHeight="1"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</row>
    <row r="52" spans="5:21" ht="13.5" customHeight="1"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</row>
    <row r="53" spans="5:21" ht="13.5" customHeight="1"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</row>
    <row r="54" spans="5:21" ht="13.5" customHeight="1"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</row>
    <row r="55" spans="5:21" ht="13.5" customHeight="1">
      <c r="F55" s="2"/>
      <c r="G55" s="2"/>
      <c r="H55" s="2"/>
      <c r="I55" s="2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</row>
    <row r="56" spans="5:21" ht="13.5" customHeight="1"/>
    <row r="57" spans="5:21" ht="13.5" customHeight="1"/>
    <row r="58" spans="5:21" ht="13.5" customHeight="1"/>
    <row r="59" spans="5:21" ht="13.5" customHeight="1"/>
    <row r="60" spans="5:21" ht="13.5" customHeight="1"/>
    <row r="61" spans="5:21" ht="13.5" customHeight="1"/>
    <row r="62" spans="5:21" ht="13.5" customHeight="1"/>
    <row r="63" spans="5:21" ht="13.5" customHeight="1"/>
    <row r="64" spans="5:21" ht="13.5" customHeight="1"/>
    <row r="65" ht="13.5" customHeight="1"/>
    <row r="66" ht="13.5" customHeight="1"/>
    <row r="67" ht="13.5" customHeight="1"/>
    <row r="68" ht="13.5" customHeight="1"/>
    <row r="69" ht="13.5" customHeight="1"/>
    <row r="70" ht="13.5" customHeight="1"/>
    <row r="71" ht="13.5" customHeight="1"/>
    <row r="72" ht="13.5" customHeight="1"/>
    <row r="73" ht="13.5" customHeight="1"/>
    <row r="74" ht="13.5" customHeight="1"/>
    <row r="75" ht="13.5" customHeight="1"/>
    <row r="76" ht="13.5" customHeight="1"/>
    <row r="77" ht="13.5" customHeight="1"/>
    <row r="78" ht="13.5" customHeight="1"/>
    <row r="79" ht="13.5" customHeight="1"/>
    <row r="80" ht="13.5" customHeight="1"/>
    <row r="81" ht="13.5" customHeight="1"/>
    <row r="82" ht="13.5" customHeight="1"/>
    <row r="83" ht="13.5" customHeight="1"/>
    <row r="84" ht="13.5" customHeight="1"/>
    <row r="85" ht="13.5" customHeight="1"/>
    <row r="86" ht="13.5" customHeight="1"/>
    <row r="87" ht="13.5" customHeight="1"/>
    <row r="88" ht="13.5" customHeight="1"/>
    <row r="89" ht="13.5" customHeight="1"/>
    <row r="90" ht="13.5" customHeight="1"/>
    <row r="91" ht="13.5" customHeight="1"/>
    <row r="92" ht="13.5" customHeight="1"/>
    <row r="93" ht="13.5" customHeight="1"/>
    <row r="94" ht="13.5" customHeight="1"/>
    <row r="95" ht="13.5" customHeight="1"/>
    <row r="96" ht="13.5" customHeight="1"/>
    <row r="97" ht="13.5" customHeight="1"/>
    <row r="98" ht="13.5" customHeight="1"/>
    <row r="99" ht="13.5" customHeight="1"/>
    <row r="100" ht="13.5" customHeight="1"/>
    <row r="101" ht="13.5" customHeight="1"/>
    <row r="102" ht="13.5" customHeight="1"/>
    <row r="103" ht="13.5" customHeight="1"/>
    <row r="104" ht="13.5" customHeight="1"/>
    <row r="105" ht="13.5" customHeight="1"/>
    <row r="106" ht="13.5" customHeight="1"/>
    <row r="107" ht="13.5" customHeight="1"/>
    <row r="108" ht="13.5" customHeight="1"/>
    <row r="109" ht="13.5" customHeight="1"/>
    <row r="110" ht="13.5" customHeight="1"/>
    <row r="111" ht="13.5" customHeight="1"/>
    <row r="112" ht="13.5" customHeight="1"/>
    <row r="113" ht="13.5" customHeight="1"/>
    <row r="114" ht="13.5" customHeight="1"/>
    <row r="115" ht="13.5" customHeight="1"/>
    <row r="116" ht="13.5" customHeight="1"/>
    <row r="117" ht="13.5" customHeight="1"/>
    <row r="118" ht="13.5" customHeight="1"/>
    <row r="119" ht="13.5" customHeight="1"/>
    <row r="120" ht="13.5" customHeight="1"/>
    <row r="121" ht="13.5" customHeight="1"/>
    <row r="122" ht="13.5" customHeight="1"/>
    <row r="123" ht="13.5" customHeight="1"/>
    <row r="124" ht="13.5" customHeight="1"/>
    <row r="125" ht="13.5" customHeight="1"/>
    <row r="126" ht="13.5" customHeight="1"/>
    <row r="127" ht="13.5" customHeight="1"/>
    <row r="128" ht="13.5" customHeight="1"/>
    <row r="129" ht="13.5" customHeight="1"/>
    <row r="130" ht="13.5" customHeight="1"/>
    <row r="131" ht="13.5" customHeight="1"/>
    <row r="132" ht="13.5" customHeight="1"/>
    <row r="133" ht="13.5" customHeight="1"/>
    <row r="134" ht="13.5" customHeight="1"/>
    <row r="135" ht="13.5" customHeight="1"/>
    <row r="136" ht="13.5" customHeight="1"/>
    <row r="137" ht="13.5" customHeight="1"/>
    <row r="138" ht="13.5" customHeight="1"/>
    <row r="139" ht="13.5" customHeight="1"/>
    <row r="140" ht="13.5" customHeight="1"/>
    <row r="141" ht="13.5" customHeight="1"/>
    <row r="142" ht="13.5" customHeight="1"/>
    <row r="143" ht="13.5" customHeight="1"/>
    <row r="144" ht="13.5" customHeight="1"/>
    <row r="145" ht="13.5" customHeight="1"/>
    <row r="146" ht="13.5" customHeight="1"/>
    <row r="147" ht="13.5" customHeight="1"/>
    <row r="148" ht="13.5" customHeight="1"/>
    <row r="149" ht="13.5" customHeight="1"/>
    <row r="150" ht="13.5" customHeight="1"/>
    <row r="151" ht="13.5" customHeight="1"/>
    <row r="152" ht="13.5" customHeight="1"/>
    <row r="153" ht="13.5" customHeight="1"/>
    <row r="154" ht="13.5" customHeight="1"/>
    <row r="155" ht="13.5" customHeight="1"/>
    <row r="156" ht="13.5" customHeight="1"/>
    <row r="157" ht="13.5" customHeight="1"/>
    <row r="158" ht="13.5" customHeight="1"/>
    <row r="159" ht="13.5" customHeight="1"/>
    <row r="160" ht="13.5" customHeight="1"/>
    <row r="161" ht="13.5" customHeight="1"/>
    <row r="162" ht="13.5" customHeight="1"/>
    <row r="163" ht="13.5" customHeight="1"/>
    <row r="164" ht="13.5" customHeight="1"/>
    <row r="165" ht="13.5" customHeight="1"/>
    <row r="166" ht="13.5" customHeight="1"/>
    <row r="167" ht="13.5" customHeight="1"/>
    <row r="168" ht="13.5" customHeight="1"/>
    <row r="169" ht="13.5" customHeight="1"/>
    <row r="170" ht="13.5" customHeight="1"/>
    <row r="171" ht="13.5" customHeight="1"/>
    <row r="172" ht="13.5" customHeight="1"/>
    <row r="173" ht="13.5" customHeight="1"/>
    <row r="174" ht="13.5" customHeight="1"/>
    <row r="175" ht="13.5" customHeight="1"/>
    <row r="176" ht="13.5" customHeight="1"/>
    <row r="177" ht="13.5" customHeight="1"/>
    <row r="178" ht="13.5" customHeight="1"/>
    <row r="179" ht="13.5" customHeight="1"/>
    <row r="180" ht="13.5" customHeight="1"/>
    <row r="181" ht="13.5" customHeight="1"/>
    <row r="182" ht="13.5" customHeight="1"/>
    <row r="183" ht="13.5" customHeight="1"/>
    <row r="184" ht="13.5" customHeight="1"/>
    <row r="185" ht="13.5" customHeight="1"/>
    <row r="186" ht="13.5" customHeight="1"/>
    <row r="187" ht="13.5" customHeight="1"/>
    <row r="188" ht="13.5" customHeight="1"/>
    <row r="189" ht="13.5" customHeight="1"/>
    <row r="190" ht="13.5" customHeight="1"/>
    <row r="191" ht="13.5" customHeight="1"/>
    <row r="192" ht="13.5" customHeight="1"/>
    <row r="193" ht="13.5" customHeight="1"/>
    <row r="194" ht="13.5" customHeight="1"/>
    <row r="195" ht="13.5" customHeight="1"/>
    <row r="196" ht="13.5" customHeight="1"/>
    <row r="197" ht="13.5" customHeight="1"/>
    <row r="198" ht="13.5" customHeight="1"/>
    <row r="199" ht="13.5" customHeight="1"/>
    <row r="200" ht="13.5" customHeight="1"/>
    <row r="201" ht="13.5" customHeight="1"/>
    <row r="202" ht="13.5" customHeight="1"/>
    <row r="203" ht="13.5" customHeight="1"/>
    <row r="204" ht="13.5" customHeight="1"/>
    <row r="205" ht="13.5" customHeight="1"/>
    <row r="206" ht="13.5" customHeight="1"/>
    <row r="207" ht="13.5" customHeight="1"/>
    <row r="208" ht="13.5" customHeight="1"/>
    <row r="209" ht="13.5" customHeight="1"/>
    <row r="210" ht="13.5" customHeight="1"/>
    <row r="211" ht="13.5" customHeight="1"/>
    <row r="212" ht="13.5" customHeight="1"/>
    <row r="213" ht="13.5" customHeight="1"/>
    <row r="214" ht="13.5" customHeight="1"/>
    <row r="215" ht="13.5" customHeight="1"/>
    <row r="216" ht="13.5" customHeight="1"/>
    <row r="217" ht="13.5" customHeight="1"/>
    <row r="218" ht="13.5" customHeight="1"/>
    <row r="219" ht="13.5" customHeight="1"/>
    <row r="220" ht="13.5" customHeight="1"/>
    <row r="221" ht="13.5" customHeight="1"/>
    <row r="222" ht="13.5" customHeight="1"/>
    <row r="223" ht="13.5" customHeight="1"/>
    <row r="224" ht="13.5" customHeight="1"/>
    <row r="225" ht="13.5" customHeight="1"/>
    <row r="226" ht="13.5" customHeight="1"/>
    <row r="227" ht="13.5" customHeight="1"/>
    <row r="228" ht="13.5" customHeight="1"/>
    <row r="229" ht="13.5" customHeight="1"/>
    <row r="230" ht="13.5" customHeight="1"/>
    <row r="231" ht="13.5" customHeight="1"/>
    <row r="232" ht="13.5" customHeight="1"/>
    <row r="233" ht="13.5" customHeight="1"/>
    <row r="234" ht="13.5" customHeight="1"/>
    <row r="235" ht="13.5" customHeight="1"/>
    <row r="236" ht="13.5" customHeight="1"/>
    <row r="237" ht="13.5" customHeight="1"/>
    <row r="238" ht="13.5" customHeight="1"/>
    <row r="239" ht="13.5" customHeight="1"/>
    <row r="240" ht="13.5" customHeight="1"/>
    <row r="241" ht="13.5" customHeight="1"/>
    <row r="242" ht="13.5" customHeight="1"/>
    <row r="243" ht="13.5" customHeight="1"/>
    <row r="244" ht="13.5" customHeight="1"/>
    <row r="245" ht="13.5" customHeight="1"/>
    <row r="246" ht="13.5" customHeight="1"/>
    <row r="247" ht="13.5" customHeight="1"/>
    <row r="248" ht="13.5" customHeight="1"/>
    <row r="249" ht="13.5" customHeight="1"/>
    <row r="250" ht="13.5" customHeight="1"/>
    <row r="251" ht="13.5" customHeight="1"/>
    <row r="252" ht="13.5" customHeight="1"/>
    <row r="253" ht="13.5" customHeight="1"/>
    <row r="254" ht="13.5" customHeight="1"/>
    <row r="255" ht="13.5" customHeight="1"/>
    <row r="256" ht="13.5" customHeight="1"/>
    <row r="257" ht="13.5" customHeight="1"/>
    <row r="258" ht="13.5" customHeight="1"/>
    <row r="259" ht="13.5" customHeight="1"/>
    <row r="260" ht="13.5" customHeight="1"/>
    <row r="261" ht="13.5" customHeight="1"/>
    <row r="262" ht="13.5" customHeight="1"/>
    <row r="263" ht="13.5" customHeight="1"/>
    <row r="264" ht="13.5" customHeight="1"/>
    <row r="265" ht="13.5" customHeight="1"/>
    <row r="266" ht="13.5" customHeight="1"/>
    <row r="267" ht="13.5" customHeight="1"/>
    <row r="268" ht="13.5" customHeight="1"/>
    <row r="269" ht="13.5" customHeight="1"/>
    <row r="270" ht="13.5" customHeight="1"/>
    <row r="271" ht="13.5" customHeight="1"/>
    <row r="272" ht="13.5" customHeight="1"/>
    <row r="273" ht="13.5" customHeight="1"/>
    <row r="274" ht="13.5" customHeight="1"/>
    <row r="275" ht="13.5" customHeight="1"/>
    <row r="276" ht="13.5" customHeight="1"/>
    <row r="277" ht="13.5" customHeight="1"/>
    <row r="278" ht="13.5" customHeight="1"/>
    <row r="279" ht="13.5" customHeight="1"/>
    <row r="280" ht="13.5" customHeight="1"/>
    <row r="281" ht="13.5" customHeight="1"/>
    <row r="282" ht="13.5" customHeight="1"/>
    <row r="283" ht="13.5" customHeight="1"/>
    <row r="284" ht="13.5" customHeight="1"/>
    <row r="285" ht="13.5" customHeight="1"/>
    <row r="286" ht="13.5" customHeight="1"/>
    <row r="287" ht="13.5" customHeight="1"/>
    <row r="288" ht="13.5" customHeight="1"/>
    <row r="289" ht="13.5" customHeight="1"/>
    <row r="290" ht="13.5" customHeight="1"/>
    <row r="291" ht="13.5" customHeight="1"/>
    <row r="292" ht="13.5" customHeight="1"/>
    <row r="293" ht="13.5" customHeight="1"/>
    <row r="294" ht="13.5" customHeight="1"/>
    <row r="295" ht="13.5" customHeight="1"/>
    <row r="296" ht="13.5" customHeight="1"/>
    <row r="297" ht="13.5" customHeight="1"/>
    <row r="298" ht="13.5" customHeight="1"/>
    <row r="299" ht="13.5" customHeight="1"/>
    <row r="300" ht="13.5" customHeight="1"/>
    <row r="301" ht="13.5" customHeight="1"/>
    <row r="302" ht="13.5" customHeight="1"/>
    <row r="303" ht="13.5" customHeight="1"/>
    <row r="304" ht="13.5" customHeight="1"/>
    <row r="305" ht="13.5" customHeight="1"/>
    <row r="306" ht="13.5" customHeight="1"/>
    <row r="307" ht="13.5" customHeight="1"/>
    <row r="308" ht="13.5" customHeight="1"/>
    <row r="309" ht="13.5" customHeight="1"/>
    <row r="310" ht="13.5" customHeight="1"/>
    <row r="311" ht="13.5" customHeight="1"/>
    <row r="312" ht="13.5" customHeight="1"/>
    <row r="313" ht="13.5" customHeight="1"/>
    <row r="314" ht="13.5" customHeight="1"/>
    <row r="315" ht="13.5" customHeight="1"/>
    <row r="316" ht="13.5" customHeight="1"/>
    <row r="317" ht="13.5" customHeight="1"/>
    <row r="318" ht="13.5" customHeight="1"/>
    <row r="319" ht="13.5" customHeight="1"/>
    <row r="320" ht="13.5" customHeight="1"/>
    <row r="321" ht="13.5" customHeight="1"/>
    <row r="322" ht="13.5" customHeight="1"/>
    <row r="323" ht="13.5" customHeight="1"/>
    <row r="324" ht="13.5" customHeight="1"/>
    <row r="325" ht="13.5" customHeight="1"/>
    <row r="326" ht="13.5" customHeight="1"/>
    <row r="327" ht="13.5" customHeight="1"/>
    <row r="328" ht="13.5" customHeight="1"/>
    <row r="329" ht="13.5" customHeight="1"/>
    <row r="330" ht="13.5" customHeight="1"/>
    <row r="331" ht="13.5" customHeight="1"/>
    <row r="332" ht="13.5" customHeight="1"/>
    <row r="333" ht="13.5" customHeight="1"/>
    <row r="334" ht="13.5" customHeight="1"/>
    <row r="335" ht="13.5" customHeight="1"/>
    <row r="336" ht="13.5" customHeight="1"/>
    <row r="337" ht="13.5" customHeight="1"/>
    <row r="338" ht="13.5" customHeight="1"/>
    <row r="339" ht="13.5" customHeight="1"/>
    <row r="340" ht="13.5" customHeight="1"/>
    <row r="341" ht="13.5" customHeight="1"/>
    <row r="342" ht="13.5" customHeight="1"/>
    <row r="343" ht="13.5" customHeight="1"/>
    <row r="344" ht="13.5" customHeight="1"/>
    <row r="345" ht="13.5" customHeight="1"/>
    <row r="346" ht="13.5" customHeight="1"/>
    <row r="347" ht="13.5" customHeight="1"/>
    <row r="348" ht="13.5" customHeight="1"/>
    <row r="349" ht="13.5" customHeight="1"/>
    <row r="350" ht="13.5" customHeight="1"/>
    <row r="351" ht="13.5" customHeight="1"/>
    <row r="352" ht="13.5" customHeight="1"/>
    <row r="353" ht="13.5" customHeight="1"/>
    <row r="354" ht="13.5" customHeight="1"/>
    <row r="355" ht="13.5" customHeight="1"/>
    <row r="356" ht="13.5" customHeight="1"/>
    <row r="357" ht="13.5" customHeight="1"/>
    <row r="358" ht="13.5" customHeight="1"/>
    <row r="359" ht="13.5" customHeight="1"/>
    <row r="360" ht="13.5" customHeight="1"/>
    <row r="361" ht="13.5" customHeight="1"/>
    <row r="362" ht="13.5" customHeight="1"/>
    <row r="363" ht="13.5" customHeight="1"/>
    <row r="364" ht="13.5" customHeight="1"/>
    <row r="365" ht="13.5" customHeight="1"/>
    <row r="366" ht="13.5" customHeight="1"/>
    <row r="367" ht="13.5" customHeight="1"/>
    <row r="368" ht="13.5" customHeight="1"/>
    <row r="369" ht="13.5" customHeight="1"/>
    <row r="370" ht="13.5" customHeight="1"/>
    <row r="371" ht="13.5" customHeight="1"/>
    <row r="372" ht="13.5" customHeight="1"/>
    <row r="373" ht="13.5" customHeight="1"/>
    <row r="374" ht="13.5" customHeight="1"/>
    <row r="375" ht="13.5" customHeight="1"/>
    <row r="376" ht="13.5" customHeight="1"/>
    <row r="377" ht="13.5" customHeight="1"/>
    <row r="378" ht="13.5" customHeight="1"/>
    <row r="379" ht="13.5" customHeight="1"/>
    <row r="380" ht="13.5" customHeight="1"/>
    <row r="381" ht="13.5" customHeight="1"/>
    <row r="382" ht="13.5" customHeight="1"/>
    <row r="383" ht="13.5" customHeight="1"/>
    <row r="384" ht="13.5" customHeight="1"/>
    <row r="385" ht="13.5" customHeight="1"/>
    <row r="386" ht="13.5" customHeight="1"/>
    <row r="387" ht="13.5" customHeight="1"/>
    <row r="388" ht="13.5" customHeight="1"/>
    <row r="389" ht="13.5" customHeight="1"/>
    <row r="390" ht="13.5" customHeight="1"/>
    <row r="391" ht="13.5" customHeight="1"/>
    <row r="392" ht="13.5" customHeight="1"/>
    <row r="393" ht="13.5" customHeight="1"/>
    <row r="394" ht="13.5" customHeight="1"/>
    <row r="395" ht="13.5" customHeight="1"/>
    <row r="396" ht="13.5" customHeight="1"/>
    <row r="397" ht="13.5" customHeight="1"/>
    <row r="398" ht="13.5" customHeight="1"/>
    <row r="399" ht="13.5" customHeight="1"/>
    <row r="400" ht="13.5" customHeight="1"/>
    <row r="401" ht="13.5" customHeight="1"/>
    <row r="402" ht="13.5" customHeight="1"/>
    <row r="403" ht="13.5" customHeight="1"/>
    <row r="404" ht="13.5" customHeight="1"/>
    <row r="405" ht="13.5" customHeight="1"/>
    <row r="406" ht="13.5" customHeight="1"/>
    <row r="407" ht="13.5" customHeight="1"/>
    <row r="408" ht="13.5" customHeight="1"/>
    <row r="409" ht="13.5" customHeight="1"/>
    <row r="410" ht="13.5" customHeight="1"/>
    <row r="411" ht="13.5" customHeight="1"/>
    <row r="412" ht="13.5" customHeight="1"/>
    <row r="413" ht="13.5" customHeight="1"/>
    <row r="414" ht="13.5" customHeight="1"/>
    <row r="415" ht="13.5" customHeight="1"/>
    <row r="416" ht="13.5" customHeight="1"/>
    <row r="417" ht="13.5" customHeight="1"/>
    <row r="418" ht="13.5" customHeight="1"/>
    <row r="419" ht="13.5" customHeight="1"/>
    <row r="420" ht="13.5" customHeight="1"/>
    <row r="421" ht="13.5" customHeight="1"/>
    <row r="422" ht="13.5" customHeight="1"/>
    <row r="423" ht="13.5" customHeight="1"/>
    <row r="424" ht="13.5" customHeight="1"/>
    <row r="425" ht="13.5" customHeight="1"/>
    <row r="426" ht="13.5" customHeight="1"/>
    <row r="427" ht="13.5" customHeight="1"/>
    <row r="428" ht="13.5" customHeight="1"/>
    <row r="429" ht="13.5" customHeight="1"/>
    <row r="430" ht="13.5" customHeight="1"/>
    <row r="431" ht="13.5" customHeight="1"/>
    <row r="432" ht="13.5" customHeight="1"/>
    <row r="433" ht="13.5" customHeight="1"/>
    <row r="434" ht="13.5" customHeight="1"/>
    <row r="435" ht="13.5" customHeight="1"/>
    <row r="436" ht="13.5" customHeight="1"/>
    <row r="437" ht="13.5" customHeight="1"/>
    <row r="438" ht="13.5" customHeight="1"/>
    <row r="439" ht="13.5" customHeight="1"/>
    <row r="440" ht="13.5" customHeight="1"/>
    <row r="441" ht="13.5" customHeight="1"/>
    <row r="442" ht="13.5" customHeight="1"/>
    <row r="443" ht="13.5" customHeight="1"/>
    <row r="444" ht="13.5" customHeight="1"/>
    <row r="445" ht="13.5" customHeight="1"/>
    <row r="446" ht="13.5" customHeight="1"/>
    <row r="447" ht="13.5" customHeight="1"/>
    <row r="448" ht="13.5" customHeight="1"/>
    <row r="449" ht="13.5" customHeight="1"/>
    <row r="450" ht="13.5" customHeight="1"/>
    <row r="451" ht="13.5" customHeight="1"/>
    <row r="452" ht="13.5" customHeight="1"/>
    <row r="453" ht="13.5" customHeight="1"/>
    <row r="454" ht="13.5" customHeight="1"/>
    <row r="455" ht="13.5" customHeight="1"/>
    <row r="456" ht="13.5" customHeight="1"/>
    <row r="457" ht="13.5" customHeight="1"/>
    <row r="458" ht="13.5" customHeight="1"/>
    <row r="459" ht="13.5" customHeight="1"/>
    <row r="460" ht="13.5" customHeight="1"/>
    <row r="461" ht="13.5" customHeight="1"/>
    <row r="462" ht="13.5" customHeight="1"/>
    <row r="463" ht="13.5" customHeight="1"/>
    <row r="464" ht="13.5" customHeight="1"/>
    <row r="465" ht="13.5" customHeight="1"/>
    <row r="466" ht="13.5" customHeight="1"/>
    <row r="467" ht="13.5" customHeight="1"/>
    <row r="468" ht="13.5" customHeight="1"/>
    <row r="469" ht="13.5" customHeight="1"/>
    <row r="470" ht="13.5" customHeight="1"/>
    <row r="471" ht="13.5" customHeight="1"/>
    <row r="472" ht="13.5" customHeight="1"/>
    <row r="473" ht="13.5" customHeight="1"/>
    <row r="474" ht="13.5" customHeight="1"/>
    <row r="475" ht="13.5" customHeight="1"/>
    <row r="476" ht="13.5" customHeight="1"/>
    <row r="477" ht="13.5" customHeight="1"/>
    <row r="478" ht="13.5" customHeight="1"/>
    <row r="479" ht="13.5" customHeight="1"/>
    <row r="480" ht="13.5" customHeight="1"/>
    <row r="481" ht="13.5" customHeight="1"/>
    <row r="482" ht="13.5" customHeight="1"/>
    <row r="483" ht="13.5" customHeight="1"/>
    <row r="484" ht="13.5" customHeight="1"/>
    <row r="485" ht="13.5" customHeight="1"/>
    <row r="486" ht="13.5" customHeight="1"/>
    <row r="487" ht="13.5" customHeight="1"/>
    <row r="488" ht="13.5" customHeight="1"/>
    <row r="489" ht="13.5" customHeight="1"/>
    <row r="490" ht="13.5" customHeight="1"/>
    <row r="491" ht="13.5" customHeight="1"/>
    <row r="492" ht="13.5" customHeight="1"/>
    <row r="493" ht="13.5" customHeight="1"/>
    <row r="494" ht="13.5" customHeight="1"/>
    <row r="495" ht="13.5" customHeight="1"/>
    <row r="496" ht="13.5" customHeight="1"/>
    <row r="497" ht="13.5" customHeight="1"/>
    <row r="498" ht="13.5" customHeight="1"/>
    <row r="499" ht="13.5" customHeight="1"/>
    <row r="500" ht="13.5" customHeight="1"/>
    <row r="501" ht="13.5" customHeight="1"/>
    <row r="502" ht="13.5" customHeight="1"/>
    <row r="503" ht="13.5" customHeight="1"/>
    <row r="504" ht="13.5" customHeight="1"/>
    <row r="505" ht="13.5" customHeight="1"/>
    <row r="506" ht="13.5" customHeight="1"/>
    <row r="507" ht="13.5" customHeight="1"/>
    <row r="508" ht="13.5" customHeight="1"/>
    <row r="509" ht="13.5" customHeight="1"/>
    <row r="510" ht="13.5" customHeight="1"/>
    <row r="511" ht="13.5" customHeight="1"/>
    <row r="512" ht="13.5" customHeight="1"/>
    <row r="513" ht="13.5" customHeight="1"/>
    <row r="514" ht="13.5" customHeight="1"/>
    <row r="515" ht="13.5" customHeight="1"/>
    <row r="516" ht="13.5" customHeight="1"/>
    <row r="517" ht="13.5" customHeight="1"/>
    <row r="518" ht="13.5" customHeight="1"/>
    <row r="519" ht="13.5" customHeight="1"/>
    <row r="520" ht="13.5" customHeight="1"/>
    <row r="521" ht="13.5" customHeight="1"/>
    <row r="522" ht="13.5" customHeight="1"/>
    <row r="523" ht="13.5" customHeight="1"/>
    <row r="524" ht="13.5" customHeight="1"/>
    <row r="525" ht="13.5" customHeight="1"/>
    <row r="526" ht="13.5" customHeight="1"/>
    <row r="527" ht="13.5" customHeight="1"/>
    <row r="528" ht="13.5" customHeight="1"/>
    <row r="529" ht="13.5" customHeight="1"/>
    <row r="530" ht="13.5" customHeight="1"/>
    <row r="531" ht="13.5" customHeight="1"/>
    <row r="532" ht="13.5" customHeight="1"/>
    <row r="533" ht="13.5" customHeight="1"/>
    <row r="534" ht="13.5" customHeight="1"/>
    <row r="535" ht="13.5" customHeight="1"/>
    <row r="536" ht="13.5" customHeight="1"/>
    <row r="537" ht="13.5" customHeight="1"/>
    <row r="538" ht="13.5" customHeight="1"/>
    <row r="539" ht="13.5" customHeight="1"/>
    <row r="540" ht="13.5" customHeight="1"/>
    <row r="541" ht="13.5" customHeight="1"/>
    <row r="542" ht="13.5" customHeight="1"/>
    <row r="543" ht="13.5" customHeight="1"/>
    <row r="544" ht="13.5" customHeight="1"/>
    <row r="545" ht="13.5" customHeight="1"/>
    <row r="546" ht="13.5" customHeight="1"/>
    <row r="547" ht="13.5" customHeight="1"/>
    <row r="548" ht="13.5" customHeight="1"/>
    <row r="549" ht="13.5" customHeight="1"/>
    <row r="550" ht="13.5" customHeight="1"/>
    <row r="551" ht="13.5" customHeight="1"/>
    <row r="552" ht="13.5" customHeight="1"/>
    <row r="553" ht="13.5" customHeight="1"/>
    <row r="554" ht="13.5" customHeight="1"/>
    <row r="555" ht="13.5" customHeight="1"/>
    <row r="556" ht="13.5" customHeight="1"/>
    <row r="557" ht="13.5" customHeight="1"/>
    <row r="558" ht="13.5" customHeight="1"/>
    <row r="559" ht="13.5" customHeight="1"/>
    <row r="560" ht="13.5" customHeight="1"/>
    <row r="561" ht="13.5" customHeight="1"/>
    <row r="562" ht="13.5" customHeight="1"/>
    <row r="563" ht="13.5" customHeight="1"/>
    <row r="564" ht="13.5" customHeight="1"/>
    <row r="565" ht="13.5" customHeight="1"/>
    <row r="566" ht="13.5" customHeight="1"/>
    <row r="567" ht="13.5" customHeight="1"/>
    <row r="568" ht="13.5" customHeight="1"/>
    <row r="569" ht="13.5" customHeight="1"/>
    <row r="570" ht="13.5" customHeight="1"/>
    <row r="571" ht="13.5" customHeight="1"/>
    <row r="572" ht="13.5" customHeight="1"/>
    <row r="573" ht="13.5" customHeight="1"/>
    <row r="574" ht="13.5" customHeight="1"/>
    <row r="575" ht="13.5" customHeight="1"/>
    <row r="576" ht="13.5" customHeight="1"/>
    <row r="577" ht="13.5" customHeight="1"/>
    <row r="578" ht="13.5" customHeight="1"/>
    <row r="579" ht="13.5" customHeight="1"/>
    <row r="580" ht="13.5" customHeight="1"/>
    <row r="581" ht="13.5" customHeight="1"/>
    <row r="582" ht="13.5" customHeight="1"/>
    <row r="583" ht="13.5" customHeight="1"/>
    <row r="584" ht="13.5" customHeight="1"/>
    <row r="585" ht="13.5" customHeight="1"/>
    <row r="586" ht="13.5" customHeight="1"/>
    <row r="587" ht="13.5" customHeight="1"/>
    <row r="588" ht="13.5" customHeight="1"/>
    <row r="589" ht="13.5" customHeight="1"/>
    <row r="590" ht="13.5" customHeight="1"/>
    <row r="591" ht="13.5" customHeight="1"/>
    <row r="592" ht="13.5" customHeight="1"/>
    <row r="593" ht="13.5" customHeight="1"/>
    <row r="594" ht="13.5" customHeight="1"/>
    <row r="595" ht="13.5" customHeight="1"/>
    <row r="596" ht="13.5" customHeight="1"/>
    <row r="597" ht="13.5" customHeight="1"/>
    <row r="598" ht="13.5" customHeight="1"/>
    <row r="599" ht="13.5" customHeight="1"/>
    <row r="600" ht="13.5" customHeight="1"/>
    <row r="601" ht="13.5" customHeight="1"/>
    <row r="602" ht="13.5" customHeight="1"/>
    <row r="603" ht="13.5" customHeight="1"/>
    <row r="604" ht="13.5" customHeight="1"/>
    <row r="605" ht="13.5" customHeight="1"/>
    <row r="606" ht="13.5" customHeight="1"/>
    <row r="607" ht="13.5" customHeight="1"/>
    <row r="608" ht="13.5" customHeight="1"/>
    <row r="609" ht="13.5" customHeight="1"/>
    <row r="610" ht="13.5" customHeight="1"/>
    <row r="611" ht="13.5" customHeight="1"/>
    <row r="612" ht="13.5" customHeight="1"/>
    <row r="613" ht="13.5" customHeight="1"/>
    <row r="614" ht="13.5" customHeight="1"/>
    <row r="615" ht="13.5" customHeight="1"/>
    <row r="616" ht="13.5" customHeight="1"/>
    <row r="617" ht="13.5" customHeight="1"/>
    <row r="618" ht="13.5" customHeight="1"/>
    <row r="619" ht="13.5" customHeight="1"/>
    <row r="620" ht="13.5" customHeight="1"/>
    <row r="621" ht="13.5" customHeight="1"/>
    <row r="622" ht="13.5" customHeight="1"/>
    <row r="623" ht="13.5" customHeight="1"/>
    <row r="624" ht="13.5" customHeight="1"/>
    <row r="625" ht="13.5" customHeight="1"/>
    <row r="626" ht="13.5" customHeight="1"/>
    <row r="627" ht="13.5" customHeight="1"/>
    <row r="628" ht="13.5" customHeight="1"/>
    <row r="629" ht="13.5" customHeight="1"/>
    <row r="630" ht="13.5" customHeight="1"/>
    <row r="631" ht="13.5" customHeight="1"/>
    <row r="632" ht="13.5" customHeight="1"/>
    <row r="633" ht="13.5" customHeight="1"/>
    <row r="634" ht="13.5" customHeight="1"/>
    <row r="635" ht="13.5" customHeight="1"/>
    <row r="636" ht="13.5" customHeight="1"/>
    <row r="637" ht="13.5" customHeight="1"/>
    <row r="638" ht="13.5" customHeight="1"/>
    <row r="639" ht="13.5" customHeight="1"/>
    <row r="640" ht="13.5" customHeight="1"/>
    <row r="641" ht="13.5" customHeight="1"/>
    <row r="642" ht="13.5" customHeight="1"/>
    <row r="643" ht="13.5" customHeight="1"/>
    <row r="644" ht="13.5" customHeight="1"/>
    <row r="645" ht="13.5" customHeight="1"/>
    <row r="646" ht="13.5" customHeight="1"/>
    <row r="647" ht="13.5" customHeight="1"/>
    <row r="648" ht="13.5" customHeight="1"/>
    <row r="649" ht="13.5" customHeight="1"/>
    <row r="650" ht="13.5" customHeight="1"/>
    <row r="651" ht="13.5" customHeight="1"/>
    <row r="652" ht="13.5" customHeight="1"/>
    <row r="653" ht="13.5" customHeight="1"/>
    <row r="654" ht="13.5" customHeight="1"/>
    <row r="655" ht="13.5" customHeight="1"/>
    <row r="656" ht="13.5" customHeight="1"/>
    <row r="657" ht="13.5" customHeight="1"/>
    <row r="658" ht="13.5" customHeight="1"/>
    <row r="659" ht="13.5" customHeight="1"/>
    <row r="660" ht="13.5" customHeight="1"/>
    <row r="661" ht="13.5" customHeight="1"/>
    <row r="662" ht="13.5" customHeight="1"/>
    <row r="663" ht="13.5" customHeight="1"/>
    <row r="664" ht="13.5" customHeight="1"/>
    <row r="665" ht="13.5" customHeight="1"/>
    <row r="666" ht="13.5" customHeight="1"/>
    <row r="667" ht="13.5" customHeight="1"/>
    <row r="668" ht="13.5" customHeight="1"/>
    <row r="669" ht="13.5" customHeight="1"/>
    <row r="670" ht="13.5" customHeight="1"/>
    <row r="671" ht="13.5" customHeight="1"/>
    <row r="672" ht="13.5" customHeight="1"/>
    <row r="673" ht="13.5" customHeight="1"/>
    <row r="674" ht="13.5" customHeight="1"/>
    <row r="675" ht="13.5" customHeight="1"/>
    <row r="676" ht="13.5" customHeight="1"/>
    <row r="677" ht="13.5" customHeight="1"/>
    <row r="678" ht="13.5" customHeight="1"/>
    <row r="679" ht="13.5" customHeight="1"/>
    <row r="680" ht="13.5" customHeight="1"/>
    <row r="681" ht="13.5" customHeight="1"/>
    <row r="682" ht="13.5" customHeight="1"/>
    <row r="683" ht="13.5" customHeight="1"/>
    <row r="684" ht="13.5" customHeight="1"/>
    <row r="685" ht="13.5" customHeight="1"/>
    <row r="686" ht="13.5" customHeight="1"/>
    <row r="687" ht="13.5" customHeight="1"/>
    <row r="688" ht="13.5" customHeight="1"/>
    <row r="689" ht="13.5" customHeight="1"/>
    <row r="690" ht="13.5" customHeight="1"/>
    <row r="691" ht="13.5" customHeight="1"/>
    <row r="692" ht="13.5" customHeight="1"/>
    <row r="693" ht="13.5" customHeight="1"/>
    <row r="694" ht="13.5" customHeight="1"/>
    <row r="695" ht="13.5" customHeight="1"/>
    <row r="696" ht="13.5" customHeight="1"/>
    <row r="697" ht="13.5" customHeight="1"/>
    <row r="698" ht="13.5" customHeight="1"/>
    <row r="699" ht="13.5" customHeight="1"/>
    <row r="700" ht="13.5" customHeight="1"/>
    <row r="701" ht="13.5" customHeight="1"/>
    <row r="702" ht="13.5" customHeight="1"/>
    <row r="703" ht="13.5" customHeight="1"/>
    <row r="704" ht="13.5" customHeight="1"/>
    <row r="705" ht="13.5" customHeight="1"/>
    <row r="706" ht="13.5" customHeight="1"/>
    <row r="707" ht="13.5" customHeight="1"/>
    <row r="708" ht="13.5" customHeight="1"/>
    <row r="709" ht="13.5" customHeight="1"/>
    <row r="710" ht="13.5" customHeight="1"/>
    <row r="711" ht="13.5" customHeight="1"/>
    <row r="712" ht="13.5" customHeight="1"/>
    <row r="713" ht="13.5" customHeight="1"/>
    <row r="714" ht="13.5" customHeight="1"/>
    <row r="715" ht="13.5" customHeight="1"/>
    <row r="716" ht="13.5" customHeight="1"/>
    <row r="717" ht="13.5" customHeight="1"/>
    <row r="718" ht="13.5" customHeight="1"/>
    <row r="719" ht="13.5" customHeight="1"/>
    <row r="720" ht="13.5" customHeight="1"/>
    <row r="721" ht="13.5" customHeight="1"/>
    <row r="722" ht="13.5" customHeight="1"/>
    <row r="723" ht="13.5" customHeight="1"/>
    <row r="724" ht="13.5" customHeight="1"/>
    <row r="725" ht="13.5" customHeight="1"/>
    <row r="726" ht="13.5" customHeight="1"/>
    <row r="727" ht="13.5" customHeight="1"/>
    <row r="728" ht="13.5" customHeight="1"/>
    <row r="729" ht="13.5" customHeight="1"/>
    <row r="730" ht="13.5" customHeight="1"/>
    <row r="731" ht="13.5" customHeight="1"/>
    <row r="732" ht="13.5" customHeight="1"/>
    <row r="733" ht="13.5" customHeight="1"/>
    <row r="734" ht="13.5" customHeight="1"/>
    <row r="735" ht="13.5" customHeight="1"/>
    <row r="736" ht="13.5" customHeight="1"/>
    <row r="737" ht="13.5" customHeight="1"/>
    <row r="738" ht="13.5" customHeight="1"/>
    <row r="739" ht="13.5" customHeight="1"/>
    <row r="740" ht="13.5" customHeight="1"/>
    <row r="741" ht="13.5" customHeight="1"/>
    <row r="742" ht="13.5" customHeight="1"/>
    <row r="743" ht="13.5" customHeight="1"/>
    <row r="744" ht="13.5" customHeight="1"/>
    <row r="745" ht="13.5" customHeight="1"/>
    <row r="746" ht="13.5" customHeight="1"/>
    <row r="747" ht="13.5" customHeight="1"/>
    <row r="748" ht="13.5" customHeight="1"/>
    <row r="749" ht="13.5" customHeight="1"/>
    <row r="750" ht="13.5" customHeight="1"/>
    <row r="751" ht="13.5" customHeight="1"/>
    <row r="752" ht="13.5" customHeight="1"/>
    <row r="753" ht="13.5" customHeight="1"/>
    <row r="754" ht="13.5" customHeight="1"/>
    <row r="755" ht="13.5" customHeight="1"/>
    <row r="756" ht="13.5" customHeight="1"/>
    <row r="757" ht="13.5" customHeight="1"/>
    <row r="758" ht="13.5" customHeight="1"/>
    <row r="759" ht="13.5" customHeight="1"/>
    <row r="760" ht="13.5" customHeight="1"/>
    <row r="761" ht="13.5" customHeight="1"/>
    <row r="762" ht="13.5" customHeight="1"/>
    <row r="763" ht="13.5" customHeight="1"/>
    <row r="764" ht="13.5" customHeight="1"/>
    <row r="765" ht="13.5" customHeight="1"/>
    <row r="766" ht="13.5" customHeight="1"/>
    <row r="767" ht="13.5" customHeight="1"/>
    <row r="768" ht="13.5" customHeight="1"/>
    <row r="769" ht="13.5" customHeight="1"/>
    <row r="770" ht="13.5" customHeight="1"/>
    <row r="771" ht="13.5" customHeight="1"/>
    <row r="772" ht="13.5" customHeight="1"/>
    <row r="773" ht="13.5" customHeight="1"/>
    <row r="774" ht="13.5" customHeight="1"/>
    <row r="775" ht="13.5" customHeight="1"/>
    <row r="776" ht="13.5" customHeight="1"/>
    <row r="777" ht="13.5" customHeight="1"/>
    <row r="778" ht="13.5" customHeight="1"/>
    <row r="779" ht="13.5" customHeight="1"/>
    <row r="780" ht="13.5" customHeight="1"/>
    <row r="781" ht="13.5" customHeight="1"/>
    <row r="782" ht="13.5" customHeight="1"/>
    <row r="783" ht="13.5" customHeight="1"/>
    <row r="784" ht="13.5" customHeight="1"/>
    <row r="785" ht="13.5" customHeight="1"/>
    <row r="786" ht="13.5" customHeight="1"/>
    <row r="787" ht="13.5" customHeight="1"/>
    <row r="788" ht="13.5" customHeight="1"/>
    <row r="789" ht="13.5" customHeight="1"/>
    <row r="790" ht="13.5" customHeight="1"/>
    <row r="791" ht="13.5" customHeight="1"/>
    <row r="792" ht="13.5" customHeight="1"/>
    <row r="793" ht="13.5" customHeight="1"/>
    <row r="794" ht="13.5" customHeight="1"/>
    <row r="795" ht="13.5" customHeight="1"/>
    <row r="796" ht="13.5" customHeight="1"/>
    <row r="797" ht="13.5" customHeight="1"/>
    <row r="798" ht="13.5" customHeight="1"/>
    <row r="799" ht="13.5" customHeight="1"/>
    <row r="800" ht="13.5" customHeight="1"/>
    <row r="801" ht="13.5" customHeight="1"/>
    <row r="802" ht="13.5" customHeight="1"/>
    <row r="803" ht="13.5" customHeight="1"/>
    <row r="804" ht="13.5" customHeight="1"/>
    <row r="805" ht="13.5" customHeight="1"/>
    <row r="806" ht="13.5" customHeight="1"/>
    <row r="807" ht="13.5" customHeight="1"/>
    <row r="808" ht="13.5" customHeight="1"/>
    <row r="809" ht="13.5" customHeight="1"/>
    <row r="810" ht="13.5" customHeight="1"/>
    <row r="811" ht="13.5" customHeight="1"/>
    <row r="812" ht="13.5" customHeight="1"/>
    <row r="813" ht="13.5" customHeight="1"/>
    <row r="814" ht="13.5" customHeight="1"/>
    <row r="815" ht="13.5" customHeight="1"/>
    <row r="816" ht="13.5" customHeight="1"/>
    <row r="817" ht="13.5" customHeight="1"/>
    <row r="818" ht="13.5" customHeight="1"/>
    <row r="819" ht="13.5" customHeight="1"/>
    <row r="820" ht="13.5" customHeight="1"/>
    <row r="821" ht="13.5" customHeight="1"/>
    <row r="822" ht="13.5" customHeight="1"/>
    <row r="823" ht="13.5" customHeight="1"/>
    <row r="824" ht="13.5" customHeight="1"/>
    <row r="825" ht="13.5" customHeight="1"/>
    <row r="826" ht="13.5" customHeight="1"/>
    <row r="827" ht="13.5" customHeight="1"/>
    <row r="828" ht="13.5" customHeight="1"/>
    <row r="829" ht="13.5" customHeight="1"/>
    <row r="830" ht="13.5" customHeight="1"/>
    <row r="831" ht="13.5" customHeight="1"/>
    <row r="832" ht="13.5" customHeight="1"/>
    <row r="833" ht="13.5" customHeight="1"/>
    <row r="834" ht="13.5" customHeight="1"/>
    <row r="835" ht="13.5" customHeight="1"/>
    <row r="836" ht="13.5" customHeight="1"/>
    <row r="837" ht="13.5" customHeight="1"/>
    <row r="838" ht="13.5" customHeight="1"/>
    <row r="839" ht="13.5" customHeight="1"/>
    <row r="840" ht="13.5" customHeight="1"/>
    <row r="841" ht="13.5" customHeight="1"/>
    <row r="842" ht="13.5" customHeight="1"/>
    <row r="843" ht="13.5" customHeight="1"/>
    <row r="844" ht="13.5" customHeight="1"/>
    <row r="845" ht="13.5" customHeight="1"/>
    <row r="846" ht="13.5" customHeight="1"/>
    <row r="847" ht="13.5" customHeight="1"/>
    <row r="848" ht="13.5" customHeight="1"/>
    <row r="849" ht="13.5" customHeight="1"/>
    <row r="850" ht="13.5" customHeight="1"/>
    <row r="851" ht="13.5" customHeight="1"/>
    <row r="852" ht="13.5" customHeight="1"/>
    <row r="853" ht="13.5" customHeight="1"/>
    <row r="854" ht="13.5" customHeight="1"/>
    <row r="855" ht="13.5" customHeight="1"/>
    <row r="856" ht="13.5" customHeight="1"/>
    <row r="857" ht="13.5" customHeight="1"/>
    <row r="858" ht="13.5" customHeight="1"/>
    <row r="859" ht="13.5" customHeight="1"/>
    <row r="860" ht="13.5" customHeight="1"/>
    <row r="861" ht="13.5" customHeight="1"/>
    <row r="862" ht="13.5" customHeight="1"/>
    <row r="863" ht="13.5" customHeight="1"/>
    <row r="864" ht="13.5" customHeight="1"/>
    <row r="865" ht="13.5" customHeight="1"/>
    <row r="866" ht="13.5" customHeight="1"/>
    <row r="867" ht="13.5" customHeight="1"/>
    <row r="868" ht="13.5" customHeight="1"/>
    <row r="869" ht="13.5" customHeight="1"/>
    <row r="870" ht="13.5" customHeight="1"/>
    <row r="871" ht="13.5" customHeight="1"/>
    <row r="872" ht="13.5" customHeight="1"/>
    <row r="873" ht="13.5" customHeight="1"/>
    <row r="874" ht="13.5" customHeight="1"/>
    <row r="875" ht="13.5" customHeight="1"/>
    <row r="876" ht="13.5" customHeight="1"/>
    <row r="877" ht="13.5" customHeight="1"/>
    <row r="878" ht="13.5" customHeight="1"/>
    <row r="879" ht="13.5" customHeight="1"/>
    <row r="880" ht="13.5" customHeight="1"/>
    <row r="881" ht="13.5" customHeight="1"/>
    <row r="882" ht="13.5" customHeight="1"/>
    <row r="883" ht="13.5" customHeight="1"/>
    <row r="884" ht="13.5" customHeight="1"/>
    <row r="885" ht="13.5" customHeight="1"/>
    <row r="886" ht="13.5" customHeight="1"/>
    <row r="887" ht="13.5" customHeight="1"/>
    <row r="888" ht="13.5" customHeight="1"/>
    <row r="889" ht="13.5" customHeight="1"/>
    <row r="890" ht="13.5" customHeight="1"/>
    <row r="891" ht="13.5" customHeight="1"/>
    <row r="892" ht="13.5" customHeight="1"/>
    <row r="893" ht="13.5" customHeight="1"/>
    <row r="894" ht="13.5" customHeight="1"/>
    <row r="895" ht="13.5" customHeight="1"/>
    <row r="896" ht="13.5" customHeight="1"/>
    <row r="897" ht="13.5" customHeight="1"/>
    <row r="898" ht="13.5" customHeight="1"/>
    <row r="899" ht="13.5" customHeight="1"/>
    <row r="900" ht="13.5" customHeight="1"/>
    <row r="901" ht="13.5" customHeight="1"/>
    <row r="902" ht="13.5" customHeight="1"/>
    <row r="903" ht="13.5" customHeight="1"/>
    <row r="904" ht="13.5" customHeight="1"/>
    <row r="905" ht="13.5" customHeight="1"/>
    <row r="906" ht="13.5" customHeight="1"/>
    <row r="907" ht="13.5" customHeight="1"/>
    <row r="908" ht="13.5" customHeight="1"/>
    <row r="909" ht="13.5" customHeight="1"/>
    <row r="910" ht="13.5" customHeight="1"/>
    <row r="911" ht="13.5" customHeight="1"/>
    <row r="912" ht="13.5" customHeight="1"/>
    <row r="913" ht="13.5" customHeight="1"/>
    <row r="914" ht="13.5" customHeight="1"/>
    <row r="915" ht="13.5" customHeight="1"/>
    <row r="916" ht="13.5" customHeight="1"/>
    <row r="917" ht="13.5" customHeight="1"/>
    <row r="918" ht="13.5" customHeight="1"/>
    <row r="919" ht="13.5" customHeight="1"/>
    <row r="920" ht="13.5" customHeight="1"/>
    <row r="921" ht="13.5" customHeight="1"/>
    <row r="922" ht="13.5" customHeight="1"/>
    <row r="923" ht="13.5" customHeight="1"/>
    <row r="924" ht="13.5" customHeight="1"/>
    <row r="925" ht="13.5" customHeight="1"/>
    <row r="926" ht="13.5" customHeight="1"/>
    <row r="927" ht="13.5" customHeight="1"/>
    <row r="928" ht="13.5" customHeight="1"/>
    <row r="929" ht="13.5" customHeight="1"/>
    <row r="930" ht="13.5" customHeight="1"/>
    <row r="931" ht="13.5" customHeight="1"/>
    <row r="932" ht="13.5" customHeight="1"/>
    <row r="933" ht="13.5" customHeight="1"/>
    <row r="934" ht="13.5" customHeight="1"/>
    <row r="935" ht="13.5" customHeight="1"/>
    <row r="936" ht="13.5" customHeight="1"/>
    <row r="937" ht="13.5" customHeight="1"/>
    <row r="938" ht="13.5" customHeight="1"/>
    <row r="939" ht="13.5" customHeight="1"/>
    <row r="940" ht="13.5" customHeight="1"/>
    <row r="941" ht="13.5" customHeight="1"/>
    <row r="942" ht="13.5" customHeight="1"/>
    <row r="943" ht="13.5" customHeight="1"/>
    <row r="944" ht="13.5" customHeight="1"/>
    <row r="945" ht="13.5" customHeight="1"/>
    <row r="946" ht="13.5" customHeight="1"/>
    <row r="947" ht="13.5" customHeight="1"/>
    <row r="948" ht="13.5" customHeight="1"/>
    <row r="949" ht="13.5" customHeight="1"/>
    <row r="950" ht="13.5" customHeight="1"/>
    <row r="951" ht="13.5" customHeight="1"/>
    <row r="952" ht="13.5" customHeight="1"/>
    <row r="953" ht="13.5" customHeight="1"/>
    <row r="954" ht="13.5" customHeight="1"/>
    <row r="955" ht="13.5" customHeight="1"/>
    <row r="956" ht="13.5" customHeight="1"/>
    <row r="957" ht="13.5" customHeight="1"/>
    <row r="958" ht="13.5" customHeight="1"/>
    <row r="959" ht="13.5" customHeight="1"/>
    <row r="960" ht="13.5" customHeight="1"/>
    <row r="961" ht="13.5" customHeight="1"/>
    <row r="962" ht="13.5" customHeight="1"/>
    <row r="963" ht="13.5" customHeight="1"/>
    <row r="964" ht="13.5" customHeight="1"/>
    <row r="965" ht="13.5" customHeight="1"/>
    <row r="966" ht="13.5" customHeight="1"/>
    <row r="967" ht="13.5" customHeight="1"/>
    <row r="968" ht="13.5" customHeight="1"/>
    <row r="969" ht="13.5" customHeight="1"/>
    <row r="970" ht="13.5" customHeight="1"/>
    <row r="971" ht="13.5" customHeight="1"/>
    <row r="972" ht="13.5" customHeight="1"/>
    <row r="973" ht="13.5" customHeight="1"/>
    <row r="974" ht="13.5" customHeight="1"/>
    <row r="975" ht="13.5" customHeight="1"/>
    <row r="976" ht="13.5" customHeight="1"/>
    <row r="977" ht="13.5" customHeight="1"/>
    <row r="978" ht="13.5" customHeight="1"/>
    <row r="979" ht="13.5" customHeight="1"/>
    <row r="980" ht="13.5" customHeight="1"/>
    <row r="981" ht="13.5" customHeight="1"/>
    <row r="982" ht="13.5" customHeight="1"/>
    <row r="983" ht="13.5" customHeight="1"/>
    <row r="984" ht="13.5" customHeight="1"/>
    <row r="985" ht="13.5" customHeight="1"/>
    <row r="986" ht="13.5" customHeight="1"/>
    <row r="987" ht="13.5" customHeight="1"/>
    <row r="988" ht="13.5" customHeight="1"/>
    <row r="989" ht="13.5" customHeight="1"/>
    <row r="990" ht="13.5" customHeight="1"/>
    <row r="991" ht="13.5" customHeight="1"/>
    <row r="992" ht="13.5" customHeight="1"/>
    <row r="993" ht="13.5" customHeight="1"/>
    <row r="994" ht="13.5" customHeight="1"/>
    <row r="995" ht="13.5" customHeight="1"/>
    <row r="996" ht="13.5" customHeight="1"/>
    <row r="997" ht="13.5" customHeight="1"/>
    <row r="998" ht="13.5" customHeight="1"/>
    <row r="999" ht="13.5" customHeight="1"/>
    <row r="1000" ht="13.5" customHeight="1"/>
  </sheetData>
  <mergeCells count="28">
    <mergeCell ref="R5:U5"/>
    <mergeCell ref="H6:R6"/>
    <mergeCell ref="S6:U6"/>
    <mergeCell ref="R7:R8"/>
    <mergeCell ref="S7:U7"/>
    <mergeCell ref="P7:P8"/>
    <mergeCell ref="Q7:Q8"/>
    <mergeCell ref="B40:C40"/>
    <mergeCell ref="F45:G45"/>
    <mergeCell ref="C1:E1"/>
    <mergeCell ref="F1:U1"/>
    <mergeCell ref="A2:A4"/>
    <mergeCell ref="B2:B4"/>
    <mergeCell ref="C2:C4"/>
    <mergeCell ref="A5:A22"/>
    <mergeCell ref="G6:G9"/>
    <mergeCell ref="H2:R2"/>
    <mergeCell ref="S2:U2"/>
    <mergeCell ref="F3:L3"/>
    <mergeCell ref="S3:U3"/>
    <mergeCell ref="F2:G2"/>
    <mergeCell ref="G5:I5"/>
    <mergeCell ref="D2:D4"/>
    <mergeCell ref="F6:F9"/>
    <mergeCell ref="H7:J7"/>
    <mergeCell ref="K7:M7"/>
    <mergeCell ref="N7:N8"/>
    <mergeCell ref="O7:O8"/>
  </mergeCells>
  <pageMargins left="0.74803149606299202" right="0.43307086614173201" top="0.98425196850393704" bottom="1.14173228346457" header="0" footer="0"/>
  <pageSetup paperSize="8" scale="77" pageOrder="overThenDown" orientation="landscape" r:id="rId1"/>
  <headerFooter>
    <oddHeader>&amp;CNÁVRH ROZPOČTU NA ROK 2023 - ČTYŘKOLY</oddHeader>
    <oddFooter>&amp;R&amp;P z</oddFooter>
  </headerFooter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BI1002"/>
  <sheetViews>
    <sheetView zoomScale="80" zoomScaleNormal="80" workbookViewId="0">
      <pane xSplit="2" topLeftCell="C1" activePane="topRight" state="frozen"/>
      <selection pane="topRight" activeCell="AY5" sqref="AY5"/>
    </sheetView>
  </sheetViews>
  <sheetFormatPr defaultColWidth="12.625" defaultRowHeight="15" customHeight="1"/>
  <cols>
    <col min="1" max="1" width="5.25" customWidth="1"/>
    <col min="2" max="2" width="39.625" bestFit="1" customWidth="1"/>
    <col min="3" max="3" width="6.875" customWidth="1"/>
    <col min="4" max="7" width="5.25" customWidth="1"/>
    <col min="8" max="12" width="4.5" customWidth="1"/>
    <col min="13" max="13" width="5.25" customWidth="1"/>
    <col min="14" max="14" width="4.375" customWidth="1"/>
    <col min="15" max="15" width="4.5" hidden="1" customWidth="1"/>
    <col min="16" max="16" width="5.25" customWidth="1"/>
    <col min="17" max="17" width="4.5" customWidth="1"/>
    <col min="18" max="19" width="5.25" customWidth="1"/>
    <col min="20" max="26" width="4.5" customWidth="1"/>
    <col min="27" max="28" width="6.5" customWidth="1"/>
    <col min="29" max="30" width="4.5" customWidth="1"/>
    <col min="31" max="31" width="4.625" customWidth="1"/>
    <col min="32" max="33" width="4.5" customWidth="1"/>
    <col min="34" max="34" width="4.625" customWidth="1"/>
    <col min="35" max="37" width="4.5" customWidth="1"/>
    <col min="38" max="38" width="5.25" customWidth="1"/>
    <col min="39" max="39" width="5.25" style="83" customWidth="1"/>
    <col min="40" max="42" width="4.5" customWidth="1"/>
    <col min="43" max="43" width="5.25" customWidth="1"/>
    <col min="44" max="44" width="4.125" customWidth="1"/>
    <col min="45" max="46" width="4.5" customWidth="1"/>
    <col min="47" max="48" width="6.5" customWidth="1"/>
    <col min="49" max="50" width="5.25" customWidth="1"/>
    <col min="51" max="51" width="9.875" customWidth="1"/>
    <col min="52" max="52" width="9.25" customWidth="1"/>
    <col min="53" max="61" width="8.375" customWidth="1"/>
  </cols>
  <sheetData>
    <row r="1" spans="1:61" ht="19.5" customHeight="1">
      <c r="B1" s="61" t="s">
        <v>105</v>
      </c>
      <c r="AB1" s="5"/>
      <c r="AN1" s="9"/>
      <c r="AO1" s="9"/>
      <c r="AP1" s="9"/>
      <c r="AQ1" s="9"/>
      <c r="AR1" s="9"/>
      <c r="AS1" s="9"/>
      <c r="AT1" s="9"/>
      <c r="AU1" s="9"/>
      <c r="AV1" s="9"/>
      <c r="AW1" s="9"/>
      <c r="AX1" s="9"/>
      <c r="AY1" s="9" t="s">
        <v>106</v>
      </c>
    </row>
    <row r="2" spans="1:61" ht="102.75" customHeight="1">
      <c r="A2" s="171" t="s">
        <v>13</v>
      </c>
      <c r="B2" s="172" t="s">
        <v>107</v>
      </c>
      <c r="C2" s="62" t="s">
        <v>108</v>
      </c>
      <c r="D2" s="62" t="s">
        <v>109</v>
      </c>
      <c r="E2" s="62" t="s">
        <v>110</v>
      </c>
      <c r="F2" s="63" t="s">
        <v>111</v>
      </c>
      <c r="G2" s="62" t="s">
        <v>112</v>
      </c>
      <c r="H2" s="62" t="s">
        <v>113</v>
      </c>
      <c r="I2" s="62" t="s">
        <v>114</v>
      </c>
      <c r="J2" s="62" t="s">
        <v>115</v>
      </c>
      <c r="K2" s="62" t="s">
        <v>116</v>
      </c>
      <c r="L2" s="62" t="s">
        <v>117</v>
      </c>
      <c r="M2" s="62" t="s">
        <v>118</v>
      </c>
      <c r="N2" s="62" t="s">
        <v>119</v>
      </c>
      <c r="O2" s="63"/>
      <c r="P2" s="62" t="s">
        <v>120</v>
      </c>
      <c r="Q2" s="62" t="s">
        <v>121</v>
      </c>
      <c r="R2" s="62" t="s">
        <v>122</v>
      </c>
      <c r="S2" s="62" t="s">
        <v>123</v>
      </c>
      <c r="T2" s="62" t="s">
        <v>124</v>
      </c>
      <c r="U2" s="62" t="s">
        <v>125</v>
      </c>
      <c r="V2" s="63" t="s">
        <v>126</v>
      </c>
      <c r="W2" s="62" t="s">
        <v>127</v>
      </c>
      <c r="X2" s="62" t="s">
        <v>128</v>
      </c>
      <c r="Y2" s="62" t="s">
        <v>129</v>
      </c>
      <c r="Z2" s="62" t="s">
        <v>130</v>
      </c>
      <c r="AA2" s="62" t="s">
        <v>131</v>
      </c>
      <c r="AB2" s="62" t="s">
        <v>132</v>
      </c>
      <c r="AC2" s="62" t="s">
        <v>133</v>
      </c>
      <c r="AD2" s="62" t="s">
        <v>134</v>
      </c>
      <c r="AE2" s="62" t="s">
        <v>135</v>
      </c>
      <c r="AF2" s="62" t="s">
        <v>136</v>
      </c>
      <c r="AG2" s="62" t="s">
        <v>137</v>
      </c>
      <c r="AH2" s="62" t="s">
        <v>138</v>
      </c>
      <c r="AI2" s="62" t="s">
        <v>139</v>
      </c>
      <c r="AJ2" s="62" t="s">
        <v>140</v>
      </c>
      <c r="AK2" s="62" t="s">
        <v>141</v>
      </c>
      <c r="AL2" s="63" t="s">
        <v>142</v>
      </c>
      <c r="AM2" s="63" t="s">
        <v>199</v>
      </c>
      <c r="AN2" s="63" t="s">
        <v>143</v>
      </c>
      <c r="AO2" s="63" t="s">
        <v>144</v>
      </c>
      <c r="AP2" s="63" t="s">
        <v>145</v>
      </c>
      <c r="AQ2" s="64" t="s">
        <v>146</v>
      </c>
      <c r="AR2" s="64" t="s">
        <v>52</v>
      </c>
      <c r="AS2" s="64" t="s">
        <v>147</v>
      </c>
      <c r="AT2" s="64" t="s">
        <v>148</v>
      </c>
      <c r="AU2" s="64" t="s">
        <v>149</v>
      </c>
      <c r="AV2" s="64" t="s">
        <v>150</v>
      </c>
      <c r="AW2" s="64" t="s">
        <v>151</v>
      </c>
      <c r="AX2" s="64" t="s">
        <v>152</v>
      </c>
      <c r="AY2" s="173" t="s">
        <v>153</v>
      </c>
      <c r="AZ2" s="65"/>
      <c r="BA2" s="65"/>
      <c r="BB2" s="65"/>
      <c r="BC2" s="65"/>
      <c r="BD2" s="65"/>
      <c r="BE2" s="65"/>
      <c r="BF2" s="65"/>
      <c r="BG2" s="65"/>
      <c r="BH2" s="65"/>
      <c r="BI2" s="65"/>
    </row>
    <row r="3" spans="1:61" ht="12.75" hidden="1" customHeight="1">
      <c r="A3" s="144"/>
      <c r="B3" s="144"/>
      <c r="C3" s="66">
        <v>5011</v>
      </c>
      <c r="D3" s="66"/>
      <c r="E3" s="66"/>
      <c r="F3" s="66"/>
      <c r="G3" s="66"/>
      <c r="H3" s="66"/>
      <c r="I3" s="66"/>
      <c r="J3" s="66"/>
      <c r="K3" s="66"/>
      <c r="L3" s="66"/>
      <c r="M3" s="66"/>
      <c r="N3" s="66"/>
      <c r="O3" s="66"/>
      <c r="P3" s="66"/>
      <c r="Q3" s="66"/>
      <c r="R3" s="66"/>
      <c r="S3" s="66"/>
      <c r="T3" s="66"/>
      <c r="U3" s="66"/>
      <c r="V3" s="66"/>
      <c r="W3" s="66"/>
      <c r="X3" s="66"/>
      <c r="Y3" s="66"/>
      <c r="Z3" s="66"/>
      <c r="AA3" s="66"/>
      <c r="AB3" s="66"/>
      <c r="AC3" s="66"/>
      <c r="AD3" s="66"/>
      <c r="AE3" s="66"/>
      <c r="AF3" s="66"/>
      <c r="AG3" s="66"/>
      <c r="AH3" s="66"/>
      <c r="AI3" s="66"/>
      <c r="AJ3" s="66"/>
      <c r="AK3" s="66"/>
      <c r="AL3" s="66"/>
      <c r="AM3" s="66"/>
      <c r="AN3" s="66"/>
      <c r="AO3" s="66"/>
      <c r="AP3" s="66"/>
      <c r="AQ3" s="66"/>
      <c r="AR3" s="66"/>
      <c r="AS3" s="66"/>
      <c r="AT3" s="66"/>
      <c r="AU3" s="66"/>
      <c r="AV3" s="66"/>
      <c r="AW3" s="66"/>
      <c r="AX3" s="66"/>
      <c r="AY3" s="144"/>
    </row>
    <row r="4" spans="1:61" ht="12.75" customHeight="1">
      <c r="A4" s="145"/>
      <c r="B4" s="145"/>
      <c r="C4" s="66">
        <v>5011</v>
      </c>
      <c r="D4" s="66">
        <v>5021</v>
      </c>
      <c r="E4" s="66">
        <v>5023</v>
      </c>
      <c r="F4" s="66">
        <v>5031</v>
      </c>
      <c r="G4" s="66">
        <v>5032</v>
      </c>
      <c r="H4" s="66">
        <v>5038</v>
      </c>
      <c r="I4" s="66">
        <v>5039</v>
      </c>
      <c r="J4" s="66">
        <v>5133</v>
      </c>
      <c r="K4" s="66">
        <v>5132</v>
      </c>
      <c r="L4" s="66">
        <v>5136</v>
      </c>
      <c r="M4" s="66">
        <v>5137</v>
      </c>
      <c r="N4" s="66">
        <v>5138</v>
      </c>
      <c r="O4" s="66"/>
      <c r="P4" s="66">
        <v>5139</v>
      </c>
      <c r="Q4" s="66">
        <v>5151</v>
      </c>
      <c r="R4" s="66">
        <v>5153</v>
      </c>
      <c r="S4" s="66">
        <v>5154</v>
      </c>
      <c r="T4" s="66">
        <v>5156</v>
      </c>
      <c r="U4" s="66">
        <v>5161</v>
      </c>
      <c r="V4" s="66">
        <v>5162</v>
      </c>
      <c r="W4" s="66">
        <v>5163</v>
      </c>
      <c r="X4" s="66">
        <v>5164</v>
      </c>
      <c r="Y4" s="66">
        <v>5166</v>
      </c>
      <c r="Z4" s="66">
        <v>5167</v>
      </c>
      <c r="AA4" s="66">
        <v>5169</v>
      </c>
      <c r="AB4" s="66">
        <v>5171</v>
      </c>
      <c r="AC4" s="66">
        <v>5173</v>
      </c>
      <c r="AD4" s="66">
        <v>5175</v>
      </c>
      <c r="AE4" s="66">
        <v>5192</v>
      </c>
      <c r="AF4" s="66">
        <v>5193</v>
      </c>
      <c r="AG4" s="66">
        <v>5194</v>
      </c>
      <c r="AH4" s="66">
        <v>5221</v>
      </c>
      <c r="AI4" s="66">
        <v>5222</v>
      </c>
      <c r="AJ4" s="66">
        <v>5223</v>
      </c>
      <c r="AK4" s="66">
        <v>5229</v>
      </c>
      <c r="AL4" s="66">
        <v>5321</v>
      </c>
      <c r="AM4" s="66">
        <v>5323</v>
      </c>
      <c r="AN4" s="66">
        <v>5329</v>
      </c>
      <c r="AO4" s="66">
        <v>5339</v>
      </c>
      <c r="AP4" s="66">
        <v>5361</v>
      </c>
      <c r="AQ4" s="66">
        <v>5362</v>
      </c>
      <c r="AR4" s="66">
        <v>5365</v>
      </c>
      <c r="AS4" s="66">
        <v>5499</v>
      </c>
      <c r="AT4" s="66">
        <v>5903</v>
      </c>
      <c r="AU4" s="66">
        <v>6119</v>
      </c>
      <c r="AV4" s="66">
        <v>6121</v>
      </c>
      <c r="AW4" s="66">
        <v>6122</v>
      </c>
      <c r="AX4" s="66">
        <v>6123</v>
      </c>
      <c r="AY4" s="145"/>
    </row>
    <row r="5" spans="1:61" ht="17.25" customHeight="1">
      <c r="A5" s="67">
        <v>1031</v>
      </c>
      <c r="B5" s="68" t="s">
        <v>154</v>
      </c>
      <c r="C5" s="69"/>
      <c r="D5" s="69"/>
      <c r="E5" s="69"/>
      <c r="F5" s="69"/>
      <c r="G5" s="69"/>
      <c r="H5" s="69"/>
      <c r="I5" s="69"/>
      <c r="J5" s="69"/>
      <c r="K5" s="69"/>
      <c r="L5" s="69"/>
      <c r="M5" s="69"/>
      <c r="N5" s="69"/>
      <c r="O5" s="69"/>
      <c r="P5" s="69"/>
      <c r="Q5" s="69"/>
      <c r="R5" s="69"/>
      <c r="S5" s="69"/>
      <c r="T5" s="69"/>
      <c r="U5" s="69"/>
      <c r="V5" s="69"/>
      <c r="W5" s="69"/>
      <c r="X5" s="69"/>
      <c r="Y5" s="69"/>
      <c r="Z5" s="69"/>
      <c r="AA5" s="69"/>
      <c r="AB5" s="69"/>
      <c r="AC5" s="69"/>
      <c r="AD5" s="69"/>
      <c r="AE5" s="69"/>
      <c r="AF5" s="69"/>
      <c r="AG5" s="69"/>
      <c r="AH5" s="69"/>
      <c r="AI5" s="69"/>
      <c r="AJ5" s="69"/>
      <c r="AK5" s="69"/>
      <c r="AL5" s="69"/>
      <c r="AM5" s="69"/>
      <c r="AN5" s="69"/>
      <c r="AO5" s="69"/>
      <c r="AP5" s="69"/>
      <c r="AQ5" s="69"/>
      <c r="AR5" s="69"/>
      <c r="AS5" s="69"/>
      <c r="AT5" s="69"/>
      <c r="AU5" s="69"/>
      <c r="AV5" s="69"/>
      <c r="AW5" s="69"/>
      <c r="AX5" s="69"/>
      <c r="AY5" s="70">
        <f t="shared" ref="AY5:AY28" si="0">SUM(C5:AW5)</f>
        <v>0</v>
      </c>
    </row>
    <row r="6" spans="1:61" ht="17.25" customHeight="1">
      <c r="A6" s="67">
        <v>2140</v>
      </c>
      <c r="B6" s="68" t="s">
        <v>155</v>
      </c>
      <c r="C6" s="69"/>
      <c r="D6" s="69"/>
      <c r="E6" s="69"/>
      <c r="F6" s="69"/>
      <c r="G6" s="69"/>
      <c r="H6" s="69"/>
      <c r="I6" s="69"/>
      <c r="J6" s="69"/>
      <c r="K6" s="69"/>
      <c r="L6" s="69"/>
      <c r="M6" s="69"/>
      <c r="N6" s="69"/>
      <c r="O6" s="69"/>
      <c r="P6" s="69"/>
      <c r="Q6" s="69"/>
      <c r="R6" s="69"/>
      <c r="S6" s="69"/>
      <c r="T6" s="69"/>
      <c r="U6" s="69"/>
      <c r="V6" s="69"/>
      <c r="W6" s="69"/>
      <c r="X6" s="69"/>
      <c r="Y6" s="69"/>
      <c r="Z6" s="69"/>
      <c r="AA6" s="69"/>
      <c r="AB6" s="69"/>
      <c r="AC6" s="69"/>
      <c r="AD6" s="69"/>
      <c r="AE6" s="69"/>
      <c r="AF6" s="69"/>
      <c r="AG6" s="69"/>
      <c r="AH6" s="69"/>
      <c r="AI6" s="69"/>
      <c r="AJ6" s="69"/>
      <c r="AK6" s="69"/>
      <c r="AL6" s="69"/>
      <c r="AM6" s="69"/>
      <c r="AN6" s="69"/>
      <c r="AO6" s="69"/>
      <c r="AP6" s="69"/>
      <c r="AQ6" s="69"/>
      <c r="AR6" s="69"/>
      <c r="AS6" s="69"/>
      <c r="AT6" s="69"/>
      <c r="AU6" s="69"/>
      <c r="AV6" s="69"/>
      <c r="AW6" s="69"/>
      <c r="AX6" s="69"/>
      <c r="AY6" s="70">
        <f t="shared" si="0"/>
        <v>0</v>
      </c>
    </row>
    <row r="7" spans="1:61" ht="17.25" customHeight="1">
      <c r="A7" s="67">
        <v>2212</v>
      </c>
      <c r="B7" s="68" t="s">
        <v>156</v>
      </c>
      <c r="C7" s="69"/>
      <c r="D7" s="69">
        <v>50</v>
      </c>
      <c r="E7" s="69"/>
      <c r="F7" s="69"/>
      <c r="G7" s="69"/>
      <c r="H7" s="69"/>
      <c r="I7" s="69"/>
      <c r="J7" s="69"/>
      <c r="K7" s="69"/>
      <c r="L7" s="69"/>
      <c r="M7" s="69">
        <v>30</v>
      </c>
      <c r="N7" s="69"/>
      <c r="O7" s="69"/>
      <c r="P7" s="69">
        <v>100</v>
      </c>
      <c r="Q7" s="69"/>
      <c r="R7" s="69"/>
      <c r="S7" s="69"/>
      <c r="T7" s="69">
        <v>40</v>
      </c>
      <c r="U7" s="69"/>
      <c r="V7" s="69"/>
      <c r="W7" s="69"/>
      <c r="X7" s="69"/>
      <c r="Y7" s="69"/>
      <c r="Z7" s="69"/>
      <c r="AA7" s="69">
        <v>100</v>
      </c>
      <c r="AB7" s="69">
        <v>3000</v>
      </c>
      <c r="AC7" s="69"/>
      <c r="AD7" s="69"/>
      <c r="AE7" s="69"/>
      <c r="AF7" s="69"/>
      <c r="AG7" s="69"/>
      <c r="AH7" s="69"/>
      <c r="AI7" s="69"/>
      <c r="AJ7" s="69"/>
      <c r="AK7" s="69"/>
      <c r="AL7" s="69"/>
      <c r="AM7" s="69"/>
      <c r="AN7" s="69"/>
      <c r="AO7" s="69"/>
      <c r="AP7" s="69"/>
      <c r="AQ7" s="69"/>
      <c r="AR7" s="69">
        <v>2</v>
      </c>
      <c r="AS7" s="69"/>
      <c r="AT7" s="69"/>
      <c r="AU7" s="71">
        <v>100</v>
      </c>
      <c r="AV7" s="72">
        <v>0</v>
      </c>
      <c r="AW7" s="69"/>
      <c r="AX7" s="69"/>
      <c r="AY7" s="70">
        <f t="shared" si="0"/>
        <v>3422</v>
      </c>
    </row>
    <row r="8" spans="1:61" ht="17.25" customHeight="1">
      <c r="A8" s="67">
        <v>2219</v>
      </c>
      <c r="B8" s="68" t="s">
        <v>157</v>
      </c>
      <c r="C8" s="69"/>
      <c r="D8" s="69"/>
      <c r="E8" s="69"/>
      <c r="F8" s="69"/>
      <c r="G8" s="69"/>
      <c r="H8" s="69"/>
      <c r="I8" s="69"/>
      <c r="J8" s="69"/>
      <c r="K8" s="69"/>
      <c r="L8" s="69"/>
      <c r="M8" s="69"/>
      <c r="N8" s="69"/>
      <c r="O8" s="69"/>
      <c r="P8" s="69"/>
      <c r="Q8" s="69"/>
      <c r="R8" s="69"/>
      <c r="S8" s="69"/>
      <c r="T8" s="69"/>
      <c r="U8" s="69"/>
      <c r="V8" s="69"/>
      <c r="W8" s="69"/>
      <c r="X8" s="69"/>
      <c r="Y8" s="69"/>
      <c r="Z8" s="69"/>
      <c r="AA8" s="69">
        <v>200</v>
      </c>
      <c r="AB8" s="69">
        <v>20</v>
      </c>
      <c r="AC8" s="69"/>
      <c r="AD8" s="69"/>
      <c r="AE8" s="69"/>
      <c r="AF8" s="69"/>
      <c r="AG8" s="69"/>
      <c r="AH8" s="69"/>
      <c r="AI8" s="69"/>
      <c r="AJ8" s="69"/>
      <c r="AK8" s="69"/>
      <c r="AL8" s="69"/>
      <c r="AM8" s="69"/>
      <c r="AN8" s="69"/>
      <c r="AO8" s="69"/>
      <c r="AP8" s="69"/>
      <c r="AQ8" s="69"/>
      <c r="AR8" s="69"/>
      <c r="AS8" s="69"/>
      <c r="AT8" s="69"/>
      <c r="AU8" s="71"/>
      <c r="AV8" s="72">
        <v>200</v>
      </c>
      <c r="AW8" s="69"/>
      <c r="AX8" s="69"/>
      <c r="AY8" s="70">
        <f t="shared" si="0"/>
        <v>420</v>
      </c>
    </row>
    <row r="9" spans="1:61" ht="17.25" customHeight="1">
      <c r="A9" s="67">
        <v>2221</v>
      </c>
      <c r="B9" s="68" t="s">
        <v>158</v>
      </c>
      <c r="C9" s="69"/>
      <c r="D9" s="69"/>
      <c r="E9" s="69"/>
      <c r="F9" s="69"/>
      <c r="G9" s="69"/>
      <c r="H9" s="69"/>
      <c r="I9" s="69"/>
      <c r="J9" s="69"/>
      <c r="K9" s="69"/>
      <c r="L9" s="69"/>
      <c r="M9" s="69"/>
      <c r="N9" s="69"/>
      <c r="O9" s="69"/>
      <c r="P9" s="69"/>
      <c r="Q9" s="69"/>
      <c r="R9" s="69"/>
      <c r="S9" s="69"/>
      <c r="T9" s="69"/>
      <c r="U9" s="69"/>
      <c r="V9" s="69"/>
      <c r="W9" s="69"/>
      <c r="X9" s="69"/>
      <c r="Y9" s="69"/>
      <c r="Z9" s="69"/>
      <c r="AA9" s="69"/>
      <c r="AB9" s="69"/>
      <c r="AC9" s="69"/>
      <c r="AD9" s="69"/>
      <c r="AE9" s="69"/>
      <c r="AF9" s="69"/>
      <c r="AG9" s="69"/>
      <c r="AH9" s="69"/>
      <c r="AI9" s="69"/>
      <c r="AJ9" s="69"/>
      <c r="AK9" s="69"/>
      <c r="AL9" s="69"/>
      <c r="AM9" s="69"/>
      <c r="AN9" s="69"/>
      <c r="AO9" s="69"/>
      <c r="AP9" s="69"/>
      <c r="AQ9" s="69"/>
      <c r="AR9" s="69"/>
      <c r="AS9" s="69"/>
      <c r="AT9" s="69"/>
      <c r="AU9" s="69"/>
      <c r="AV9" s="69"/>
      <c r="AW9" s="69"/>
      <c r="AX9" s="69"/>
      <c r="AY9" s="70">
        <f t="shared" si="0"/>
        <v>0</v>
      </c>
    </row>
    <row r="10" spans="1:61" s="83" customFormat="1" ht="17.25" customHeight="1">
      <c r="A10" s="67">
        <v>2292</v>
      </c>
      <c r="B10" s="68" t="s">
        <v>200</v>
      </c>
      <c r="C10" s="69"/>
      <c r="D10" s="69"/>
      <c r="E10" s="69"/>
      <c r="F10" s="69"/>
      <c r="G10" s="69"/>
      <c r="H10" s="69"/>
      <c r="I10" s="69"/>
      <c r="J10" s="69"/>
      <c r="K10" s="69"/>
      <c r="L10" s="69"/>
      <c r="M10" s="69"/>
      <c r="N10" s="69"/>
      <c r="O10" s="69"/>
      <c r="P10" s="69"/>
      <c r="Q10" s="69"/>
      <c r="R10" s="69"/>
      <c r="S10" s="69"/>
      <c r="T10" s="69"/>
      <c r="U10" s="69"/>
      <c r="V10" s="69"/>
      <c r="W10" s="69"/>
      <c r="X10" s="69"/>
      <c r="Y10" s="69"/>
      <c r="Z10" s="69"/>
      <c r="AA10" s="69"/>
      <c r="AB10" s="69"/>
      <c r="AC10" s="69"/>
      <c r="AD10" s="69"/>
      <c r="AE10" s="69"/>
      <c r="AF10" s="69"/>
      <c r="AG10" s="69"/>
      <c r="AH10" s="69"/>
      <c r="AI10" s="69"/>
      <c r="AJ10" s="69"/>
      <c r="AK10" s="69"/>
      <c r="AL10" s="69"/>
      <c r="AM10" s="69">
        <v>44</v>
      </c>
      <c r="AN10" s="69"/>
      <c r="AO10" s="69"/>
      <c r="AP10" s="69"/>
      <c r="AQ10" s="69"/>
      <c r="AR10" s="69"/>
      <c r="AS10" s="69"/>
      <c r="AT10" s="69"/>
      <c r="AU10" s="69"/>
      <c r="AV10" s="69"/>
      <c r="AW10" s="69"/>
      <c r="AX10" s="69"/>
      <c r="AY10" s="70">
        <f t="shared" si="0"/>
        <v>44</v>
      </c>
    </row>
    <row r="11" spans="1:61" ht="17.25" customHeight="1">
      <c r="A11" s="67">
        <v>2310</v>
      </c>
      <c r="B11" s="68" t="s">
        <v>159</v>
      </c>
      <c r="C11" s="69"/>
      <c r="D11" s="69"/>
      <c r="E11" s="69"/>
      <c r="F11" s="69"/>
      <c r="G11" s="69"/>
      <c r="H11" s="69"/>
      <c r="I11" s="69"/>
      <c r="J11" s="69"/>
      <c r="K11" s="69"/>
      <c r="L11" s="69"/>
      <c r="M11" s="69"/>
      <c r="N11" s="69"/>
      <c r="O11" s="69"/>
      <c r="P11" s="69">
        <v>25</v>
      </c>
      <c r="Q11" s="69"/>
      <c r="R11" s="69"/>
      <c r="S11" s="69"/>
      <c r="T11" s="69"/>
      <c r="U11" s="69"/>
      <c r="V11" s="69"/>
      <c r="W11" s="69"/>
      <c r="X11" s="69"/>
      <c r="Y11" s="69"/>
      <c r="Z11" s="69"/>
      <c r="AA11" s="69">
        <v>200</v>
      </c>
      <c r="AB11" s="69"/>
      <c r="AC11" s="69"/>
      <c r="AD11" s="69"/>
      <c r="AE11" s="69"/>
      <c r="AF11" s="69"/>
      <c r="AG11" s="69"/>
      <c r="AH11" s="69"/>
      <c r="AI11" s="69"/>
      <c r="AJ11" s="69"/>
      <c r="AK11" s="69"/>
      <c r="AL11" s="69"/>
      <c r="AM11" s="69"/>
      <c r="AN11" s="69"/>
      <c r="AO11" s="69"/>
      <c r="AP11" s="69"/>
      <c r="AQ11" s="69"/>
      <c r="AR11" s="69">
        <v>2</v>
      </c>
      <c r="AS11" s="69"/>
      <c r="AT11" s="69"/>
      <c r="AU11" s="69">
        <v>200</v>
      </c>
      <c r="AV11" s="69">
        <v>5500</v>
      </c>
      <c r="AW11" s="69"/>
      <c r="AX11" s="69"/>
      <c r="AY11" s="70">
        <f t="shared" si="0"/>
        <v>5927</v>
      </c>
    </row>
    <row r="12" spans="1:61" ht="17.25" customHeight="1">
      <c r="A12" s="67">
        <v>2321</v>
      </c>
      <c r="B12" s="68" t="s">
        <v>160</v>
      </c>
      <c r="C12" s="69"/>
      <c r="D12" s="69"/>
      <c r="E12" s="69"/>
      <c r="F12" s="69"/>
      <c r="G12" s="69"/>
      <c r="H12" s="69"/>
      <c r="I12" s="69"/>
      <c r="J12" s="69"/>
      <c r="K12" s="69"/>
      <c r="L12" s="69"/>
      <c r="M12" s="69"/>
      <c r="N12" s="69"/>
      <c r="O12" s="69"/>
      <c r="P12" s="69"/>
      <c r="Q12" s="69"/>
      <c r="R12" s="69"/>
      <c r="S12" s="69"/>
      <c r="T12" s="69"/>
      <c r="U12" s="69"/>
      <c r="V12" s="69"/>
      <c r="W12" s="69"/>
      <c r="X12" s="69"/>
      <c r="Y12" s="69"/>
      <c r="Z12" s="69"/>
      <c r="AA12" s="69">
        <v>10</v>
      </c>
      <c r="AB12" s="69">
        <v>200</v>
      </c>
      <c r="AC12" s="69"/>
      <c r="AD12" s="69"/>
      <c r="AE12" s="69"/>
      <c r="AF12" s="69"/>
      <c r="AG12" s="69"/>
      <c r="AH12" s="69"/>
      <c r="AI12" s="69"/>
      <c r="AJ12" s="69"/>
      <c r="AK12" s="69"/>
      <c r="AL12" s="69"/>
      <c r="AM12" s="69"/>
      <c r="AN12" s="69"/>
      <c r="AO12" s="69"/>
      <c r="AP12" s="69"/>
      <c r="AQ12" s="69"/>
      <c r="AR12" s="69"/>
      <c r="AS12" s="69"/>
      <c r="AT12" s="69"/>
      <c r="AU12" s="69">
        <v>100</v>
      </c>
      <c r="AV12" s="69"/>
      <c r="AW12" s="69"/>
      <c r="AX12" s="69"/>
      <c r="AY12" s="70">
        <f t="shared" si="0"/>
        <v>310</v>
      </c>
    </row>
    <row r="13" spans="1:61" ht="17.25" customHeight="1">
      <c r="A13" s="67">
        <v>2341</v>
      </c>
      <c r="B13" s="68" t="s">
        <v>161</v>
      </c>
      <c r="C13" s="69"/>
      <c r="D13" s="69"/>
      <c r="E13" s="69"/>
      <c r="F13" s="69"/>
      <c r="G13" s="69"/>
      <c r="H13" s="69"/>
      <c r="I13" s="69"/>
      <c r="J13" s="69"/>
      <c r="K13" s="69"/>
      <c r="L13" s="69"/>
      <c r="M13" s="69"/>
      <c r="N13" s="69"/>
      <c r="O13" s="69"/>
      <c r="P13" s="69"/>
      <c r="Q13" s="69"/>
      <c r="R13" s="69"/>
      <c r="S13" s="69"/>
      <c r="T13" s="69"/>
      <c r="U13" s="69"/>
      <c r="V13" s="69"/>
      <c r="W13" s="69"/>
      <c r="X13" s="69"/>
      <c r="Y13" s="69"/>
      <c r="Z13" s="69"/>
      <c r="AA13" s="69"/>
      <c r="AB13" s="69"/>
      <c r="AC13" s="69"/>
      <c r="AD13" s="69"/>
      <c r="AE13" s="69"/>
      <c r="AF13" s="69"/>
      <c r="AG13" s="69"/>
      <c r="AH13" s="69"/>
      <c r="AI13" s="69"/>
      <c r="AJ13" s="69"/>
      <c r="AK13" s="69"/>
      <c r="AL13" s="69"/>
      <c r="AM13" s="69"/>
      <c r="AN13" s="69"/>
      <c r="AO13" s="69"/>
      <c r="AP13" s="69"/>
      <c r="AQ13" s="69"/>
      <c r="AR13" s="69"/>
      <c r="AS13" s="69"/>
      <c r="AT13" s="69"/>
      <c r="AU13" s="69"/>
      <c r="AV13" s="69"/>
      <c r="AW13" s="69"/>
      <c r="AX13" s="69"/>
      <c r="AY13" s="70">
        <f t="shared" si="0"/>
        <v>0</v>
      </c>
    </row>
    <row r="14" spans="1:61" ht="17.25" customHeight="1">
      <c r="A14" s="67">
        <v>3111</v>
      </c>
      <c r="B14" s="68" t="s">
        <v>49</v>
      </c>
      <c r="C14" s="70"/>
      <c r="D14" s="70"/>
      <c r="E14" s="70"/>
      <c r="F14" s="70"/>
      <c r="G14" s="70"/>
      <c r="H14" s="70"/>
      <c r="I14" s="70"/>
      <c r="J14" s="70"/>
      <c r="K14" s="70"/>
      <c r="L14" s="70"/>
      <c r="M14" s="70"/>
      <c r="N14" s="70"/>
      <c r="O14" s="70"/>
      <c r="P14" s="70"/>
      <c r="Q14" s="70"/>
      <c r="R14" s="70"/>
      <c r="S14" s="70"/>
      <c r="T14" s="70"/>
      <c r="U14" s="70"/>
      <c r="V14" s="70"/>
      <c r="W14" s="70"/>
      <c r="X14" s="70"/>
      <c r="Y14" s="70"/>
      <c r="Z14" s="70"/>
      <c r="AA14" s="70"/>
      <c r="AB14" s="70"/>
      <c r="AC14" s="70"/>
      <c r="AD14" s="70"/>
      <c r="AE14" s="70"/>
      <c r="AF14" s="70"/>
      <c r="AG14" s="70"/>
      <c r="AH14" s="70"/>
      <c r="AI14" s="70"/>
      <c r="AJ14" s="70"/>
      <c r="AK14" s="70"/>
      <c r="AL14" s="70">
        <v>50</v>
      </c>
      <c r="AM14" s="70"/>
      <c r="AN14" s="70"/>
      <c r="AO14" s="70"/>
      <c r="AP14" s="70"/>
      <c r="AQ14" s="70"/>
      <c r="AR14" s="70"/>
      <c r="AS14" s="70"/>
      <c r="AT14" s="70"/>
      <c r="AU14" s="70"/>
      <c r="AV14" s="70"/>
      <c r="AW14" s="70"/>
      <c r="AX14" s="70"/>
      <c r="AY14" s="70">
        <f t="shared" si="0"/>
        <v>50</v>
      </c>
    </row>
    <row r="15" spans="1:61" ht="17.25" customHeight="1">
      <c r="A15" s="67">
        <v>3113</v>
      </c>
      <c r="B15" s="68" t="s">
        <v>162</v>
      </c>
      <c r="C15" s="70"/>
      <c r="D15" s="70"/>
      <c r="E15" s="70"/>
      <c r="F15" s="70"/>
      <c r="G15" s="70"/>
      <c r="H15" s="70"/>
      <c r="I15" s="70"/>
      <c r="J15" s="70"/>
      <c r="K15" s="70"/>
      <c r="L15" s="70"/>
      <c r="M15" s="70"/>
      <c r="N15" s="70"/>
      <c r="O15" s="70"/>
      <c r="P15" s="70"/>
      <c r="Q15" s="70"/>
      <c r="R15" s="70"/>
      <c r="S15" s="70"/>
      <c r="T15" s="70"/>
      <c r="U15" s="70"/>
      <c r="V15" s="70"/>
      <c r="W15" s="70"/>
      <c r="X15" s="70"/>
      <c r="Y15" s="70"/>
      <c r="Z15" s="70"/>
      <c r="AA15" s="70"/>
      <c r="AB15" s="70"/>
      <c r="AC15" s="70"/>
      <c r="AD15" s="70"/>
      <c r="AE15" s="70"/>
      <c r="AF15" s="70"/>
      <c r="AG15" s="70"/>
      <c r="AH15" s="70"/>
      <c r="AI15" s="70"/>
      <c r="AJ15" s="70"/>
      <c r="AK15" s="70"/>
      <c r="AL15" s="70">
        <v>200</v>
      </c>
      <c r="AM15" s="70"/>
      <c r="AN15" s="70"/>
      <c r="AO15" s="70"/>
      <c r="AP15" s="70"/>
      <c r="AQ15" s="70"/>
      <c r="AR15" s="70"/>
      <c r="AS15" s="70"/>
      <c r="AT15" s="70"/>
      <c r="AU15" s="70"/>
      <c r="AV15" s="70"/>
      <c r="AW15" s="70"/>
      <c r="AX15" s="70"/>
      <c r="AY15" s="70">
        <f t="shared" si="0"/>
        <v>200</v>
      </c>
    </row>
    <row r="16" spans="1:61" ht="17.25" customHeight="1">
      <c r="A16" s="67">
        <v>3141</v>
      </c>
      <c r="B16" s="68" t="s">
        <v>51</v>
      </c>
      <c r="C16" s="70"/>
      <c r="D16" s="70"/>
      <c r="E16" s="70"/>
      <c r="F16" s="70"/>
      <c r="G16" s="70"/>
      <c r="H16" s="70"/>
      <c r="I16" s="70"/>
      <c r="J16" s="70"/>
      <c r="K16" s="70"/>
      <c r="L16" s="70"/>
      <c r="M16" s="70"/>
      <c r="N16" s="70"/>
      <c r="O16" s="70"/>
      <c r="P16" s="70"/>
      <c r="Q16" s="70"/>
      <c r="R16" s="70"/>
      <c r="S16" s="70"/>
      <c r="T16" s="70"/>
      <c r="U16" s="70"/>
      <c r="V16" s="70"/>
      <c r="W16" s="70"/>
      <c r="X16" s="70"/>
      <c r="Y16" s="70"/>
      <c r="Z16" s="70"/>
      <c r="AA16" s="70"/>
      <c r="AB16" s="70"/>
      <c r="AC16" s="70"/>
      <c r="AD16" s="70"/>
      <c r="AE16" s="70"/>
      <c r="AF16" s="70"/>
      <c r="AG16" s="70"/>
      <c r="AH16" s="70"/>
      <c r="AI16" s="70"/>
      <c r="AJ16" s="70"/>
      <c r="AK16" s="70"/>
      <c r="AL16" s="70"/>
      <c r="AM16" s="70"/>
      <c r="AN16" s="70"/>
      <c r="AO16" s="70"/>
      <c r="AP16" s="70"/>
      <c r="AQ16" s="70"/>
      <c r="AR16" s="70"/>
      <c r="AS16" s="70"/>
      <c r="AT16" s="70"/>
      <c r="AU16" s="70"/>
      <c r="AV16" s="70"/>
      <c r="AW16" s="70"/>
      <c r="AX16" s="70"/>
      <c r="AY16" s="70">
        <f t="shared" si="0"/>
        <v>0</v>
      </c>
    </row>
    <row r="17" spans="1:61" ht="17.25" customHeight="1">
      <c r="A17" s="67">
        <v>3313</v>
      </c>
      <c r="B17" s="68" t="s">
        <v>53</v>
      </c>
      <c r="C17" s="70"/>
      <c r="D17" s="70"/>
      <c r="E17" s="70"/>
      <c r="F17" s="70"/>
      <c r="G17" s="70"/>
      <c r="H17" s="70"/>
      <c r="I17" s="70"/>
      <c r="J17" s="70"/>
      <c r="K17" s="70"/>
      <c r="L17" s="70"/>
      <c r="M17" s="70"/>
      <c r="N17" s="70"/>
      <c r="O17" s="70"/>
      <c r="P17" s="70"/>
      <c r="Q17" s="70"/>
      <c r="R17" s="70"/>
      <c r="S17" s="70"/>
      <c r="T17" s="70"/>
      <c r="U17" s="70"/>
      <c r="V17" s="70"/>
      <c r="W17" s="70"/>
      <c r="X17" s="70"/>
      <c r="Y17" s="70"/>
      <c r="Z17" s="70"/>
      <c r="AA17" s="70"/>
      <c r="AB17" s="70"/>
      <c r="AC17" s="70"/>
      <c r="AD17" s="70"/>
      <c r="AE17" s="70"/>
      <c r="AF17" s="70"/>
      <c r="AG17" s="70"/>
      <c r="AH17" s="70"/>
      <c r="AI17" s="70"/>
      <c r="AJ17" s="70"/>
      <c r="AK17" s="70"/>
      <c r="AL17" s="70"/>
      <c r="AM17" s="70"/>
      <c r="AN17" s="70"/>
      <c r="AO17" s="70"/>
      <c r="AP17" s="70"/>
      <c r="AQ17" s="70"/>
      <c r="AR17" s="70"/>
      <c r="AS17" s="70"/>
      <c r="AT17" s="70"/>
      <c r="AU17" s="70"/>
      <c r="AV17" s="70"/>
      <c r="AW17" s="70"/>
      <c r="AX17" s="70"/>
      <c r="AY17" s="70">
        <f t="shared" si="0"/>
        <v>0</v>
      </c>
    </row>
    <row r="18" spans="1:61" ht="17.25" customHeight="1">
      <c r="A18" s="67">
        <v>3314</v>
      </c>
      <c r="B18" s="68" t="s">
        <v>55</v>
      </c>
      <c r="C18" s="70"/>
      <c r="D18" s="70"/>
      <c r="E18" s="70"/>
      <c r="F18" s="70"/>
      <c r="G18" s="70"/>
      <c r="H18" s="70"/>
      <c r="I18" s="70"/>
      <c r="J18" s="70"/>
      <c r="K18" s="70"/>
      <c r="L18" s="70"/>
      <c r="M18" s="70"/>
      <c r="N18" s="70"/>
      <c r="O18" s="70"/>
      <c r="P18" s="70"/>
      <c r="Q18" s="70"/>
      <c r="R18" s="70"/>
      <c r="S18" s="70"/>
      <c r="T18" s="70"/>
      <c r="U18" s="70"/>
      <c r="V18" s="70"/>
      <c r="W18" s="70"/>
      <c r="X18" s="70"/>
      <c r="Y18" s="70"/>
      <c r="Z18" s="70"/>
      <c r="AA18" s="70"/>
      <c r="AB18" s="70"/>
      <c r="AC18" s="70"/>
      <c r="AD18" s="70"/>
      <c r="AE18" s="70"/>
      <c r="AF18" s="70"/>
      <c r="AG18" s="70"/>
      <c r="AH18" s="70"/>
      <c r="AI18" s="70"/>
      <c r="AJ18" s="70"/>
      <c r="AK18" s="70"/>
      <c r="AL18" s="70"/>
      <c r="AM18" s="70"/>
      <c r="AN18" s="70"/>
      <c r="AO18" s="70"/>
      <c r="AP18" s="70"/>
      <c r="AQ18" s="70"/>
      <c r="AR18" s="70"/>
      <c r="AS18" s="70"/>
      <c r="AT18" s="70"/>
      <c r="AU18" s="70"/>
      <c r="AV18" s="70"/>
      <c r="AW18" s="70"/>
      <c r="AX18" s="70"/>
      <c r="AY18" s="70">
        <f t="shared" si="0"/>
        <v>0</v>
      </c>
    </row>
    <row r="19" spans="1:61" ht="17.25" customHeight="1">
      <c r="A19" s="67">
        <v>3319</v>
      </c>
      <c r="B19" s="68" t="s">
        <v>163</v>
      </c>
      <c r="C19" s="70"/>
      <c r="E19" s="70"/>
      <c r="F19" s="70"/>
      <c r="G19" s="70"/>
      <c r="H19" s="70"/>
      <c r="I19" s="70"/>
      <c r="J19" s="70"/>
      <c r="K19" s="70"/>
      <c r="L19" s="70"/>
      <c r="M19" s="70"/>
      <c r="N19" s="70"/>
      <c r="O19" s="70"/>
      <c r="P19" s="70"/>
      <c r="Q19" s="70"/>
      <c r="R19" s="70"/>
      <c r="S19" s="70"/>
      <c r="T19" s="70"/>
      <c r="U19" s="70"/>
      <c r="V19" s="70"/>
      <c r="W19" s="70"/>
      <c r="X19" s="70"/>
      <c r="Y19" s="70"/>
      <c r="Z19" s="70"/>
      <c r="AA19" s="70"/>
      <c r="AB19" s="70"/>
      <c r="AC19" s="70"/>
      <c r="AD19" s="70"/>
      <c r="AE19" s="70"/>
      <c r="AF19" s="70"/>
      <c r="AG19" s="70"/>
      <c r="AH19" s="70"/>
      <c r="AI19" s="70"/>
      <c r="AJ19" s="70"/>
      <c r="AK19" s="70"/>
      <c r="AN19" s="70"/>
      <c r="AO19" s="70"/>
      <c r="AP19" s="70"/>
      <c r="AQ19" s="70"/>
      <c r="AR19" s="70"/>
      <c r="AS19" s="70"/>
      <c r="AT19" s="70"/>
      <c r="AU19" s="70"/>
      <c r="AV19" s="70"/>
      <c r="AW19" s="70"/>
      <c r="AX19" s="70"/>
      <c r="AY19" s="70">
        <f t="shared" si="0"/>
        <v>0</v>
      </c>
    </row>
    <row r="20" spans="1:61" ht="17.25" customHeight="1">
      <c r="A20" s="67">
        <v>3326</v>
      </c>
      <c r="B20" s="68" t="s">
        <v>164</v>
      </c>
      <c r="C20" s="70"/>
      <c r="D20" s="70">
        <v>10</v>
      </c>
      <c r="E20" s="70"/>
      <c r="F20" s="70"/>
      <c r="G20" s="70"/>
      <c r="H20" s="70"/>
      <c r="I20" s="70"/>
      <c r="J20" s="70"/>
      <c r="K20" s="70"/>
      <c r="L20" s="70"/>
      <c r="M20" s="70"/>
      <c r="N20" s="70"/>
      <c r="O20" s="70"/>
      <c r="P20" s="70">
        <v>10</v>
      </c>
      <c r="Q20" s="70"/>
      <c r="R20" s="70"/>
      <c r="S20" s="70"/>
      <c r="T20" s="70"/>
      <c r="U20" s="70"/>
      <c r="V20" s="70"/>
      <c r="W20" s="70"/>
      <c r="X20" s="70"/>
      <c r="Y20" s="70"/>
      <c r="Z20" s="70"/>
      <c r="AA20" s="70"/>
      <c r="AB20" s="70"/>
      <c r="AC20" s="70"/>
      <c r="AD20" s="70"/>
      <c r="AE20" s="70"/>
      <c r="AF20" s="70"/>
      <c r="AG20" s="70"/>
      <c r="AH20" s="70"/>
      <c r="AI20" s="70"/>
      <c r="AJ20" s="70"/>
      <c r="AK20" s="70"/>
      <c r="AL20" s="70"/>
      <c r="AM20" s="70"/>
      <c r="AN20" s="70"/>
      <c r="AO20" s="70"/>
      <c r="AP20" s="70"/>
      <c r="AQ20" s="70"/>
      <c r="AR20" s="70"/>
      <c r="AS20" s="70"/>
      <c r="AT20" s="70"/>
      <c r="AU20" s="70"/>
      <c r="AV20" s="70"/>
      <c r="AW20" s="70"/>
      <c r="AX20" s="70"/>
      <c r="AY20" s="70">
        <f t="shared" si="0"/>
        <v>20</v>
      </c>
    </row>
    <row r="21" spans="1:61" ht="17.25" customHeight="1">
      <c r="A21" s="67">
        <v>3349</v>
      </c>
      <c r="B21" s="68" t="s">
        <v>165</v>
      </c>
      <c r="C21" s="70"/>
      <c r="D21" s="70"/>
      <c r="E21" s="70"/>
      <c r="F21" s="70"/>
      <c r="G21" s="70"/>
      <c r="H21" s="70"/>
      <c r="I21" s="70"/>
      <c r="J21" s="70"/>
      <c r="K21" s="70"/>
      <c r="L21" s="70"/>
      <c r="M21" s="70"/>
      <c r="N21" s="70"/>
      <c r="O21" s="70"/>
      <c r="P21" s="70"/>
      <c r="Q21" s="70"/>
      <c r="R21" s="70"/>
      <c r="S21" s="70"/>
      <c r="T21" s="70"/>
      <c r="U21" s="70"/>
      <c r="V21" s="70"/>
      <c r="W21" s="70"/>
      <c r="X21" s="70"/>
      <c r="Y21" s="70"/>
      <c r="Z21" s="70"/>
      <c r="AA21" s="70"/>
      <c r="AB21" s="70"/>
      <c r="AC21" s="70"/>
      <c r="AD21" s="70"/>
      <c r="AE21" s="70"/>
      <c r="AF21" s="70"/>
      <c r="AG21" s="70"/>
      <c r="AH21" s="70"/>
      <c r="AI21" s="70"/>
      <c r="AJ21" s="70"/>
      <c r="AK21" s="70"/>
      <c r="AL21" s="70"/>
      <c r="AM21" s="70"/>
      <c r="AN21" s="70"/>
      <c r="AO21" s="70"/>
      <c r="AP21" s="70"/>
      <c r="AQ21" s="70"/>
      <c r="AR21" s="70"/>
      <c r="AS21" s="70"/>
      <c r="AT21" s="70"/>
      <c r="AU21" s="70"/>
      <c r="AV21" s="70"/>
      <c r="AW21" s="70"/>
      <c r="AX21" s="70"/>
      <c r="AY21" s="70">
        <f t="shared" si="0"/>
        <v>0</v>
      </c>
    </row>
    <row r="22" spans="1:61" ht="17.25" customHeight="1">
      <c r="A22" s="67">
        <v>3392</v>
      </c>
      <c r="B22" s="68" t="s">
        <v>166</v>
      </c>
      <c r="C22" s="70"/>
      <c r="D22" s="70"/>
      <c r="E22" s="70"/>
      <c r="F22" s="70"/>
      <c r="G22" s="70"/>
      <c r="H22" s="70"/>
      <c r="I22" s="70"/>
      <c r="J22" s="70"/>
      <c r="K22" s="70"/>
      <c r="L22" s="70"/>
      <c r="M22" s="70"/>
      <c r="N22" s="70"/>
      <c r="O22" s="70"/>
      <c r="P22" s="70"/>
      <c r="Q22" s="70"/>
      <c r="R22" s="70"/>
      <c r="S22" s="70"/>
      <c r="T22" s="70"/>
      <c r="U22" s="70"/>
      <c r="V22" s="70"/>
      <c r="W22" s="70"/>
      <c r="X22" s="70"/>
      <c r="Y22" s="70"/>
      <c r="Z22" s="70"/>
      <c r="AA22" s="70"/>
      <c r="AB22" s="70"/>
      <c r="AC22" s="70"/>
      <c r="AD22" s="70"/>
      <c r="AE22" s="70"/>
      <c r="AF22" s="70"/>
      <c r="AG22" s="70"/>
      <c r="AH22" s="70"/>
      <c r="AI22" s="70"/>
      <c r="AJ22" s="70"/>
      <c r="AK22" s="70"/>
      <c r="AL22" s="70"/>
      <c r="AM22" s="70"/>
      <c r="AN22" s="70"/>
      <c r="AO22" s="70"/>
      <c r="AP22" s="70"/>
      <c r="AQ22" s="70"/>
      <c r="AR22" s="70"/>
      <c r="AS22" s="70"/>
      <c r="AT22" s="70"/>
      <c r="AU22" s="70"/>
      <c r="AV22" s="70"/>
      <c r="AW22" s="70"/>
      <c r="AX22" s="70"/>
      <c r="AY22" s="70">
        <f t="shared" si="0"/>
        <v>0</v>
      </c>
    </row>
    <row r="23" spans="1:61" ht="17.25" customHeight="1">
      <c r="A23" s="67">
        <v>3399</v>
      </c>
      <c r="B23" s="68" t="s">
        <v>167</v>
      </c>
      <c r="C23" s="70"/>
      <c r="D23" s="70"/>
      <c r="E23" s="70"/>
      <c r="F23" s="70"/>
      <c r="G23" s="70"/>
      <c r="H23" s="70"/>
      <c r="I23" s="70"/>
      <c r="J23" s="70"/>
      <c r="K23" s="70"/>
      <c r="L23" s="70"/>
      <c r="M23" s="70">
        <v>30</v>
      </c>
      <c r="N23" s="70"/>
      <c r="O23" s="70"/>
      <c r="P23" s="70">
        <v>40</v>
      </c>
      <c r="Q23" s="70"/>
      <c r="R23" s="70"/>
      <c r="S23" s="70"/>
      <c r="T23" s="70"/>
      <c r="U23" s="70"/>
      <c r="V23" s="70"/>
      <c r="W23" s="70"/>
      <c r="X23" s="70"/>
      <c r="Y23" s="70"/>
      <c r="Z23" s="70"/>
      <c r="AA23" s="70">
        <v>200</v>
      </c>
      <c r="AB23" s="70"/>
      <c r="AC23" s="70"/>
      <c r="AD23" s="70">
        <v>30</v>
      </c>
      <c r="AE23" s="70"/>
      <c r="AF23" s="70"/>
      <c r="AG23" s="70">
        <v>70</v>
      </c>
      <c r="AH23" s="70"/>
      <c r="AI23" s="70"/>
      <c r="AJ23" s="70"/>
      <c r="AK23" s="70"/>
      <c r="AL23" s="70"/>
      <c r="AM23" s="70"/>
      <c r="AN23" s="70"/>
      <c r="AO23" s="70"/>
      <c r="AP23" s="70"/>
      <c r="AQ23" s="70">
        <v>10</v>
      </c>
      <c r="AR23" s="70"/>
      <c r="AS23" s="70"/>
      <c r="AT23" s="70"/>
      <c r="AU23" s="70"/>
      <c r="AV23" s="70"/>
      <c r="AW23" s="70"/>
      <c r="AX23" s="70"/>
      <c r="AY23" s="70">
        <f t="shared" si="0"/>
        <v>380</v>
      </c>
    </row>
    <row r="24" spans="1:61" ht="17.25" customHeight="1">
      <c r="A24" s="67">
        <v>3421</v>
      </c>
      <c r="B24" s="68" t="s">
        <v>168</v>
      </c>
      <c r="C24" s="70"/>
      <c r="D24" s="70"/>
      <c r="E24" s="70"/>
      <c r="F24" s="70"/>
      <c r="G24" s="70"/>
      <c r="H24" s="70"/>
      <c r="I24" s="70"/>
      <c r="J24" s="70"/>
      <c r="K24" s="70"/>
      <c r="L24" s="70"/>
      <c r="M24" s="70"/>
      <c r="N24" s="70"/>
      <c r="O24" s="70"/>
      <c r="P24" s="70"/>
      <c r="Q24" s="70"/>
      <c r="R24" s="70"/>
      <c r="S24" s="70"/>
      <c r="T24" s="70"/>
      <c r="U24" s="70"/>
      <c r="V24" s="70"/>
      <c r="W24" s="70"/>
      <c r="X24" s="70"/>
      <c r="Y24" s="70"/>
      <c r="Z24" s="70"/>
      <c r="AA24" s="70">
        <v>10</v>
      </c>
      <c r="AB24" s="70"/>
      <c r="AC24" s="70"/>
      <c r="AD24" s="70"/>
      <c r="AE24" s="70"/>
      <c r="AF24" s="70"/>
      <c r="AG24" s="70"/>
      <c r="AH24" s="70"/>
      <c r="AI24" s="70"/>
      <c r="AJ24" s="70"/>
      <c r="AK24" s="70"/>
      <c r="AL24" s="70"/>
      <c r="AM24" s="70"/>
      <c r="AN24" s="70"/>
      <c r="AO24" s="70"/>
      <c r="AP24" s="70"/>
      <c r="AQ24" s="70"/>
      <c r="AR24" s="70"/>
      <c r="AS24" s="70"/>
      <c r="AT24" s="70"/>
      <c r="AU24" s="70"/>
      <c r="AV24" s="70"/>
      <c r="AW24" s="70"/>
      <c r="AX24" s="70"/>
      <c r="AY24" s="70">
        <f t="shared" si="0"/>
        <v>10</v>
      </c>
    </row>
    <row r="25" spans="1:61" s="83" customFormat="1" ht="17.25" customHeight="1">
      <c r="A25" s="67">
        <v>3412</v>
      </c>
      <c r="B25" s="68" t="s">
        <v>201</v>
      </c>
      <c r="C25" s="70"/>
      <c r="D25" s="70"/>
      <c r="E25" s="70"/>
      <c r="F25" s="70"/>
      <c r="G25" s="70"/>
      <c r="H25" s="70"/>
      <c r="I25" s="70"/>
      <c r="J25" s="70"/>
      <c r="K25" s="70"/>
      <c r="L25" s="70"/>
      <c r="M25" s="70"/>
      <c r="N25" s="70"/>
      <c r="O25" s="70"/>
      <c r="P25" s="70">
        <v>200</v>
      </c>
      <c r="Q25" s="70"/>
      <c r="R25" s="70"/>
      <c r="S25" s="70"/>
      <c r="T25" s="70"/>
      <c r="U25" s="70"/>
      <c r="V25" s="70"/>
      <c r="W25" s="70"/>
      <c r="X25" s="70"/>
      <c r="Y25" s="70"/>
      <c r="Z25" s="70"/>
      <c r="AA25" s="70">
        <v>20</v>
      </c>
      <c r="AB25" s="70"/>
      <c r="AC25" s="70"/>
      <c r="AD25" s="70"/>
      <c r="AE25" s="70"/>
      <c r="AF25" s="70"/>
      <c r="AG25" s="70"/>
      <c r="AH25" s="70"/>
      <c r="AI25" s="70"/>
      <c r="AJ25" s="70"/>
      <c r="AK25" s="70"/>
      <c r="AL25" s="70"/>
      <c r="AM25" s="70"/>
      <c r="AN25" s="70"/>
      <c r="AO25" s="70"/>
      <c r="AP25" s="70"/>
      <c r="AQ25" s="70"/>
      <c r="AR25" s="70"/>
      <c r="AS25" s="70"/>
      <c r="AT25" s="70"/>
      <c r="AU25" s="70"/>
      <c r="AV25" s="70"/>
      <c r="AW25" s="70"/>
      <c r="AX25" s="70"/>
      <c r="AY25" s="70">
        <f t="shared" si="0"/>
        <v>220</v>
      </c>
    </row>
    <row r="26" spans="1:61" ht="17.25" customHeight="1">
      <c r="A26" s="67">
        <v>3419</v>
      </c>
      <c r="B26" s="68" t="s">
        <v>169</v>
      </c>
      <c r="C26" s="70"/>
      <c r="D26" s="70"/>
      <c r="E26" s="70"/>
      <c r="F26" s="70"/>
      <c r="G26" s="70"/>
      <c r="H26" s="70"/>
      <c r="I26" s="70"/>
      <c r="J26" s="70"/>
      <c r="K26" s="70"/>
      <c r="L26" s="70"/>
      <c r="M26" s="70"/>
      <c r="N26" s="70"/>
      <c r="O26" s="70"/>
      <c r="P26" s="70"/>
      <c r="Q26" s="70"/>
      <c r="R26" s="70"/>
      <c r="S26" s="70"/>
      <c r="T26" s="70"/>
      <c r="U26" s="70"/>
      <c r="V26" s="70"/>
      <c r="W26" s="70"/>
      <c r="X26" s="70"/>
      <c r="Y26" s="70"/>
      <c r="Z26" s="70"/>
      <c r="AA26" s="70"/>
      <c r="AB26" s="70"/>
      <c r="AC26" s="70"/>
      <c r="AD26" s="70"/>
      <c r="AE26" s="70"/>
      <c r="AF26" s="70"/>
      <c r="AG26" s="70"/>
      <c r="AH26" s="70"/>
      <c r="AI26" s="70"/>
      <c r="AJ26" s="70"/>
      <c r="AK26" s="70"/>
      <c r="AL26" s="70"/>
      <c r="AM26" s="70"/>
      <c r="AN26" s="70"/>
      <c r="AO26" s="70"/>
      <c r="AP26" s="70"/>
      <c r="AQ26" s="70"/>
      <c r="AR26" s="70"/>
      <c r="AS26" s="70"/>
      <c r="AT26" s="70"/>
      <c r="AU26" s="70"/>
      <c r="AV26" s="70"/>
      <c r="AW26" s="70"/>
      <c r="AX26" s="70"/>
      <c r="AY26" s="70">
        <f t="shared" si="0"/>
        <v>0</v>
      </c>
    </row>
    <row r="27" spans="1:61" ht="17.25" customHeight="1">
      <c r="A27" s="67">
        <v>3429</v>
      </c>
      <c r="B27" s="68" t="s">
        <v>170</v>
      </c>
      <c r="C27" s="70"/>
      <c r="D27" s="70"/>
      <c r="E27" s="70"/>
      <c r="F27" s="70"/>
      <c r="G27" s="70"/>
      <c r="H27" s="70"/>
      <c r="I27" s="70"/>
      <c r="J27" s="70"/>
      <c r="K27" s="70"/>
      <c r="L27" s="70"/>
      <c r="M27" s="70"/>
      <c r="N27" s="70"/>
      <c r="O27" s="70"/>
      <c r="P27" s="70"/>
      <c r="Q27" s="70"/>
      <c r="R27" s="70"/>
      <c r="S27" s="70"/>
      <c r="T27" s="70"/>
      <c r="U27" s="70"/>
      <c r="V27" s="70"/>
      <c r="W27" s="70"/>
      <c r="X27" s="70"/>
      <c r="Y27" s="70"/>
      <c r="Z27" s="70"/>
      <c r="AA27" s="70"/>
      <c r="AB27" s="70"/>
      <c r="AC27" s="70"/>
      <c r="AD27" s="70"/>
      <c r="AE27" s="70"/>
      <c r="AF27" s="70"/>
      <c r="AG27" s="70"/>
      <c r="AH27" s="70"/>
      <c r="AI27" s="70"/>
      <c r="AJ27" s="70"/>
      <c r="AK27" s="70"/>
      <c r="AL27" s="70"/>
      <c r="AM27" s="70"/>
      <c r="AN27" s="70"/>
      <c r="AO27" s="70"/>
      <c r="AP27" s="70"/>
      <c r="AQ27" s="70"/>
      <c r="AR27" s="70"/>
      <c r="AS27" s="70"/>
      <c r="AT27" s="70"/>
      <c r="AU27" s="70"/>
      <c r="AV27" s="70"/>
      <c r="AW27" s="70"/>
      <c r="AX27" s="70"/>
      <c r="AY27" s="70">
        <f t="shared" si="0"/>
        <v>0</v>
      </c>
    </row>
    <row r="28" spans="1:61" ht="17.25" customHeight="1">
      <c r="A28" s="67">
        <v>3612</v>
      </c>
      <c r="B28" s="68" t="s">
        <v>68</v>
      </c>
      <c r="C28" s="70"/>
      <c r="D28" s="70"/>
      <c r="E28" s="70"/>
      <c r="F28" s="70"/>
      <c r="G28" s="70"/>
      <c r="H28" s="70"/>
      <c r="I28" s="70"/>
      <c r="J28" s="70"/>
      <c r="K28" s="70"/>
      <c r="L28" s="70"/>
      <c r="M28" s="70"/>
      <c r="N28" s="70"/>
      <c r="O28" s="70"/>
      <c r="P28" s="70">
        <v>5</v>
      </c>
      <c r="Q28" s="70"/>
      <c r="R28" s="70"/>
      <c r="S28" s="70"/>
      <c r="T28" s="70"/>
      <c r="U28" s="70"/>
      <c r="V28" s="70"/>
      <c r="W28" s="70"/>
      <c r="X28" s="70"/>
      <c r="Y28" s="70"/>
      <c r="Z28" s="70"/>
      <c r="AA28" s="70"/>
      <c r="AB28" s="70">
        <v>5</v>
      </c>
      <c r="AC28" s="70"/>
      <c r="AD28" s="70"/>
      <c r="AE28" s="70"/>
      <c r="AF28" s="70"/>
      <c r="AG28" s="70"/>
      <c r="AH28" s="70"/>
      <c r="AI28" s="70"/>
      <c r="AJ28" s="70"/>
      <c r="AK28" s="70"/>
      <c r="AL28" s="70"/>
      <c r="AM28" s="70"/>
      <c r="AN28" s="70"/>
      <c r="AO28" s="70"/>
      <c r="AP28" s="70"/>
      <c r="AQ28" s="70"/>
      <c r="AR28" s="70"/>
      <c r="AS28" s="70"/>
      <c r="AT28" s="70"/>
      <c r="AU28" s="70"/>
      <c r="AV28" s="70"/>
      <c r="AW28" s="70"/>
      <c r="AX28" s="70"/>
      <c r="AY28" s="70">
        <f t="shared" si="0"/>
        <v>10</v>
      </c>
    </row>
    <row r="29" spans="1:61" ht="17.25" customHeight="1">
      <c r="A29" s="67">
        <v>3613</v>
      </c>
      <c r="B29" s="68" t="s">
        <v>171</v>
      </c>
      <c r="C29" s="70"/>
      <c r="D29" s="70"/>
      <c r="E29" s="70"/>
      <c r="F29" s="70"/>
      <c r="G29" s="70"/>
      <c r="H29" s="70"/>
      <c r="I29" s="70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  <c r="V29" s="70"/>
      <c r="W29" s="70"/>
      <c r="X29" s="70"/>
      <c r="Y29" s="70"/>
      <c r="Z29" s="70"/>
      <c r="AA29" s="70"/>
      <c r="AB29" s="70"/>
      <c r="AC29" s="70"/>
      <c r="AD29" s="70"/>
      <c r="AE29" s="70"/>
      <c r="AF29" s="70"/>
      <c r="AG29" s="70"/>
      <c r="AH29" s="70"/>
      <c r="AI29" s="70"/>
      <c r="AJ29" s="70"/>
      <c r="AK29" s="70"/>
      <c r="AL29" s="70"/>
      <c r="AM29" s="70"/>
      <c r="AN29" s="70"/>
      <c r="AO29" s="70"/>
      <c r="AP29" s="70"/>
      <c r="AQ29" s="70"/>
      <c r="AR29" s="70"/>
      <c r="AS29" s="70"/>
      <c r="AT29" s="70"/>
      <c r="AU29" s="70"/>
      <c r="AV29" s="70"/>
      <c r="AW29" s="70"/>
      <c r="AX29" s="70"/>
      <c r="AY29" s="70">
        <f t="shared" ref="AY29:AY50" si="1">SUM(C29:AX29)</f>
        <v>0</v>
      </c>
    </row>
    <row r="30" spans="1:61" ht="17.25" customHeight="1">
      <c r="A30" s="67">
        <v>3631</v>
      </c>
      <c r="B30" s="68" t="s">
        <v>72</v>
      </c>
      <c r="C30" s="70"/>
      <c r="D30" s="70"/>
      <c r="E30" s="70"/>
      <c r="F30" s="70"/>
      <c r="G30" s="70"/>
      <c r="H30" s="70"/>
      <c r="I30" s="70"/>
      <c r="J30" s="70"/>
      <c r="K30" s="70"/>
      <c r="L30" s="70"/>
      <c r="M30" s="70"/>
      <c r="N30" s="70"/>
      <c r="O30" s="70"/>
      <c r="P30" s="70"/>
      <c r="Q30" s="70"/>
      <c r="R30" s="70"/>
      <c r="S30" s="70">
        <v>400</v>
      </c>
      <c r="T30" s="70"/>
      <c r="U30" s="70"/>
      <c r="V30" s="70"/>
      <c r="W30" s="70"/>
      <c r="X30" s="70"/>
      <c r="Y30" s="70"/>
      <c r="Z30" s="70"/>
      <c r="AA30" s="70">
        <v>30</v>
      </c>
      <c r="AB30" s="70"/>
      <c r="AC30" s="70"/>
      <c r="AD30" s="70"/>
      <c r="AE30" s="70"/>
      <c r="AF30" s="70"/>
      <c r="AG30" s="70"/>
      <c r="AH30" s="70"/>
      <c r="AI30" s="70"/>
      <c r="AJ30" s="70"/>
      <c r="AK30" s="70"/>
      <c r="AL30" s="70"/>
      <c r="AM30" s="70"/>
      <c r="AN30" s="70"/>
      <c r="AO30" s="70"/>
      <c r="AP30" s="70"/>
      <c r="AQ30" s="70"/>
      <c r="AR30" s="70"/>
      <c r="AS30" s="70"/>
      <c r="AT30" s="70"/>
      <c r="AU30" s="70"/>
      <c r="AV30" s="70"/>
      <c r="AW30" s="70"/>
      <c r="AX30" s="70"/>
      <c r="AY30" s="70">
        <f t="shared" si="1"/>
        <v>430</v>
      </c>
      <c r="BI30" s="69"/>
    </row>
    <row r="31" spans="1:61" ht="17.25" customHeight="1">
      <c r="A31" s="67">
        <v>3632</v>
      </c>
      <c r="B31" s="68" t="s">
        <v>74</v>
      </c>
      <c r="C31" s="70"/>
      <c r="D31" s="70"/>
      <c r="E31" s="70"/>
      <c r="F31" s="70"/>
      <c r="G31" s="70"/>
      <c r="H31" s="70"/>
      <c r="I31" s="70"/>
      <c r="J31" s="70"/>
      <c r="K31" s="70"/>
      <c r="L31" s="70"/>
      <c r="M31" s="70"/>
      <c r="N31" s="70"/>
      <c r="O31" s="70"/>
      <c r="P31" s="70"/>
      <c r="Q31" s="70"/>
      <c r="R31" s="70"/>
      <c r="S31" s="70"/>
      <c r="T31" s="70"/>
      <c r="U31" s="70"/>
      <c r="V31" s="70"/>
      <c r="W31" s="70"/>
      <c r="X31" s="70"/>
      <c r="Y31" s="70"/>
      <c r="Z31" s="70"/>
      <c r="AA31" s="70"/>
      <c r="AB31" s="70"/>
      <c r="AC31" s="70"/>
      <c r="AD31" s="70"/>
      <c r="AE31" s="70"/>
      <c r="AF31" s="70"/>
      <c r="AG31" s="70"/>
      <c r="AH31" s="70"/>
      <c r="AI31" s="70"/>
      <c r="AJ31" s="70"/>
      <c r="AK31" s="70"/>
      <c r="AL31" s="70"/>
      <c r="AM31" s="70"/>
      <c r="AN31" s="70"/>
      <c r="AO31" s="70"/>
      <c r="AP31" s="70"/>
      <c r="AQ31" s="70"/>
      <c r="AR31" s="70"/>
      <c r="AS31" s="70"/>
      <c r="AT31" s="70"/>
      <c r="AU31" s="70"/>
      <c r="AV31" s="70"/>
      <c r="AW31" s="70"/>
      <c r="AX31" s="70"/>
      <c r="AY31" s="70">
        <f t="shared" si="1"/>
        <v>0</v>
      </c>
    </row>
    <row r="32" spans="1:61" ht="17.25" customHeight="1">
      <c r="A32" s="67">
        <v>3633</v>
      </c>
      <c r="B32" s="68" t="s">
        <v>172</v>
      </c>
      <c r="C32" s="70"/>
      <c r="D32" s="70"/>
      <c r="E32" s="70"/>
      <c r="F32" s="70"/>
      <c r="G32" s="70"/>
      <c r="H32" s="70"/>
      <c r="I32" s="70"/>
      <c r="J32" s="70"/>
      <c r="K32" s="70"/>
      <c r="L32" s="70"/>
      <c r="M32" s="70"/>
      <c r="N32" s="70"/>
      <c r="O32" s="70"/>
      <c r="P32" s="70"/>
      <c r="Q32" s="70"/>
      <c r="R32" s="70"/>
      <c r="S32" s="70"/>
      <c r="T32" s="70"/>
      <c r="U32" s="70"/>
      <c r="V32" s="70"/>
      <c r="W32" s="70"/>
      <c r="X32" s="70"/>
      <c r="Y32" s="70"/>
      <c r="Z32" s="70"/>
      <c r="AA32" s="70"/>
      <c r="AB32" s="70"/>
      <c r="AC32" s="70"/>
      <c r="AD32" s="70"/>
      <c r="AE32" s="70"/>
      <c r="AF32" s="70"/>
      <c r="AG32" s="70"/>
      <c r="AH32" s="70"/>
      <c r="AI32" s="70"/>
      <c r="AJ32" s="70"/>
      <c r="AK32" s="70"/>
      <c r="AL32" s="70"/>
      <c r="AM32" s="70"/>
      <c r="AN32" s="70"/>
      <c r="AO32" s="70"/>
      <c r="AP32" s="70"/>
      <c r="AQ32" s="70"/>
      <c r="AR32" s="70"/>
      <c r="AS32" s="70"/>
      <c r="AT32" s="70"/>
      <c r="AU32" s="70"/>
      <c r="AV32" s="70"/>
      <c r="AW32" s="70"/>
      <c r="AX32" s="70"/>
      <c r="AY32" s="70">
        <f t="shared" si="1"/>
        <v>0</v>
      </c>
    </row>
    <row r="33" spans="1:51" ht="17.25" customHeight="1">
      <c r="A33" s="67">
        <v>3635</v>
      </c>
      <c r="B33" s="68" t="s">
        <v>173</v>
      </c>
      <c r="C33" s="70"/>
      <c r="D33" s="70"/>
      <c r="E33" s="70"/>
      <c r="F33" s="70"/>
      <c r="G33" s="70"/>
      <c r="H33" s="70"/>
      <c r="I33" s="70"/>
      <c r="J33" s="70"/>
      <c r="K33" s="70"/>
      <c r="L33" s="70"/>
      <c r="M33" s="70"/>
      <c r="N33" s="70"/>
      <c r="O33" s="70"/>
      <c r="P33" s="70"/>
      <c r="Q33" s="70"/>
      <c r="R33" s="70"/>
      <c r="S33" s="70"/>
      <c r="T33" s="70"/>
      <c r="U33" s="70"/>
      <c r="V33" s="70"/>
      <c r="W33" s="70"/>
      <c r="X33" s="70"/>
      <c r="Y33" s="70"/>
      <c r="Z33" s="70"/>
      <c r="AA33" s="70">
        <v>100</v>
      </c>
      <c r="AB33" s="70"/>
      <c r="AC33" s="70"/>
      <c r="AD33" s="70"/>
      <c r="AE33" s="70"/>
      <c r="AF33" s="70"/>
      <c r="AG33" s="70"/>
      <c r="AH33" s="70"/>
      <c r="AI33" s="70"/>
      <c r="AJ33" s="70"/>
      <c r="AK33" s="70"/>
      <c r="AL33" s="70"/>
      <c r="AM33" s="70"/>
      <c r="AN33" s="70"/>
      <c r="AO33" s="70"/>
      <c r="AP33" s="70"/>
      <c r="AQ33" s="70"/>
      <c r="AR33" s="70"/>
      <c r="AS33" s="70"/>
      <c r="AT33" s="70"/>
      <c r="AU33" s="70">
        <v>100</v>
      </c>
      <c r="AV33" s="70"/>
      <c r="AW33" s="70"/>
      <c r="AX33" s="70"/>
      <c r="AY33" s="70">
        <f t="shared" si="1"/>
        <v>200</v>
      </c>
    </row>
    <row r="34" spans="1:51" ht="17.25" customHeight="1">
      <c r="A34" s="67">
        <v>3639</v>
      </c>
      <c r="B34" s="68" t="s">
        <v>174</v>
      </c>
      <c r="C34" s="70">
        <v>410</v>
      </c>
      <c r="D34" s="70">
        <v>50</v>
      </c>
      <c r="E34" s="70"/>
      <c r="F34" s="70">
        <v>132</v>
      </c>
      <c r="G34" s="70">
        <v>60</v>
      </c>
      <c r="H34" s="70"/>
      <c r="I34" s="70"/>
      <c r="J34" s="70"/>
      <c r="K34" s="70">
        <v>10</v>
      </c>
      <c r="L34" s="70"/>
      <c r="M34" s="70"/>
      <c r="N34" s="70"/>
      <c r="O34" s="70"/>
      <c r="P34" s="70">
        <v>30</v>
      </c>
      <c r="Q34" s="70"/>
      <c r="R34" s="70"/>
      <c r="S34" s="70"/>
      <c r="T34" s="70"/>
      <c r="U34" s="70"/>
      <c r="V34" s="70"/>
      <c r="W34" s="70"/>
      <c r="X34" s="70">
        <v>1</v>
      </c>
      <c r="Y34" s="70">
        <v>5</v>
      </c>
      <c r="Z34" s="70"/>
      <c r="AA34" s="70">
        <v>20</v>
      </c>
      <c r="AB34" s="70"/>
      <c r="AC34" s="70"/>
      <c r="AD34" s="70"/>
      <c r="AE34" s="70"/>
      <c r="AF34" s="70"/>
      <c r="AG34" s="70"/>
      <c r="AH34" s="70"/>
      <c r="AI34" s="70"/>
      <c r="AJ34" s="70"/>
      <c r="AK34" s="70"/>
      <c r="AL34" s="70"/>
      <c r="AM34" s="70"/>
      <c r="AN34" s="73"/>
      <c r="AO34" s="70"/>
      <c r="AP34" s="70"/>
      <c r="AQ34" s="70">
        <v>5</v>
      </c>
      <c r="AR34" s="70"/>
      <c r="AS34" s="70">
        <v>5</v>
      </c>
      <c r="AT34" s="70"/>
      <c r="AU34" s="70"/>
      <c r="AV34" s="70"/>
      <c r="AW34" s="70"/>
      <c r="AX34" s="70"/>
      <c r="AY34" s="70">
        <f t="shared" si="1"/>
        <v>728</v>
      </c>
    </row>
    <row r="35" spans="1:51" ht="17.25" customHeight="1">
      <c r="A35" s="67">
        <v>3721</v>
      </c>
      <c r="B35" s="68" t="s">
        <v>175</v>
      </c>
      <c r="C35" s="70"/>
      <c r="D35" s="70"/>
      <c r="E35" s="70"/>
      <c r="F35" s="70"/>
      <c r="G35" s="70"/>
      <c r="H35" s="70"/>
      <c r="I35" s="70"/>
      <c r="J35" s="70"/>
      <c r="K35" s="70"/>
      <c r="L35" s="70"/>
      <c r="M35" s="70"/>
      <c r="N35" s="70"/>
      <c r="O35" s="70"/>
      <c r="P35" s="70"/>
      <c r="Q35" s="70"/>
      <c r="R35" s="70"/>
      <c r="S35" s="70"/>
      <c r="T35" s="70"/>
      <c r="U35" s="70"/>
      <c r="V35" s="70"/>
      <c r="W35" s="70"/>
      <c r="X35" s="70"/>
      <c r="Y35" s="70"/>
      <c r="Z35" s="70"/>
      <c r="AA35" s="70"/>
      <c r="AB35" s="70"/>
      <c r="AC35" s="70"/>
      <c r="AD35" s="70"/>
      <c r="AE35" s="70"/>
      <c r="AF35" s="70"/>
      <c r="AG35" s="70"/>
      <c r="AH35" s="70"/>
      <c r="AI35" s="70"/>
      <c r="AJ35" s="70"/>
      <c r="AK35" s="70"/>
      <c r="AL35" s="70"/>
      <c r="AM35" s="70"/>
      <c r="AN35" s="70"/>
      <c r="AO35" s="70"/>
      <c r="AP35" s="70"/>
      <c r="AQ35" s="70"/>
      <c r="AR35" s="70"/>
      <c r="AS35" s="70"/>
      <c r="AT35" s="70"/>
      <c r="AU35" s="70"/>
      <c r="AV35" s="70"/>
      <c r="AW35" s="70"/>
      <c r="AX35" s="70"/>
      <c r="AY35" s="70">
        <f t="shared" si="1"/>
        <v>0</v>
      </c>
    </row>
    <row r="36" spans="1:51" ht="17.25" customHeight="1">
      <c r="A36" s="67">
        <v>3722</v>
      </c>
      <c r="B36" s="68" t="s">
        <v>176</v>
      </c>
      <c r="C36" s="70"/>
      <c r="D36" s="70"/>
      <c r="E36" s="70"/>
      <c r="F36" s="70"/>
      <c r="G36" s="70"/>
      <c r="H36" s="70"/>
      <c r="I36" s="70"/>
      <c r="J36" s="70"/>
      <c r="K36" s="70"/>
      <c r="L36" s="70"/>
      <c r="M36" s="70">
        <v>20</v>
      </c>
      <c r="N36" s="70"/>
      <c r="O36" s="70"/>
      <c r="P36" s="70">
        <v>10</v>
      </c>
      <c r="Q36" s="70"/>
      <c r="R36" s="70"/>
      <c r="S36" s="70"/>
      <c r="T36" s="70"/>
      <c r="U36" s="70"/>
      <c r="V36" s="70"/>
      <c r="W36" s="70"/>
      <c r="X36" s="70"/>
      <c r="Y36" s="70"/>
      <c r="Z36" s="70"/>
      <c r="AA36" s="70">
        <v>2500</v>
      </c>
      <c r="AB36" s="70"/>
      <c r="AC36" s="70"/>
      <c r="AD36" s="70"/>
      <c r="AE36" s="70"/>
      <c r="AF36" s="70"/>
      <c r="AG36" s="70"/>
      <c r="AH36" s="70"/>
      <c r="AI36" s="70"/>
      <c r="AJ36" s="70"/>
      <c r="AK36" s="70"/>
      <c r="AL36" s="70"/>
      <c r="AM36" s="70"/>
      <c r="AN36" s="70"/>
      <c r="AO36" s="70"/>
      <c r="AP36" s="70"/>
      <c r="AQ36" s="70"/>
      <c r="AR36" s="70"/>
      <c r="AS36" s="70"/>
      <c r="AT36" s="70"/>
      <c r="AU36" s="70"/>
      <c r="AV36" s="70">
        <v>300</v>
      </c>
      <c r="AW36" s="70"/>
      <c r="AX36" s="70"/>
      <c r="AY36" s="70">
        <f t="shared" si="1"/>
        <v>2830</v>
      </c>
    </row>
    <row r="37" spans="1:51" ht="17.25" customHeight="1">
      <c r="A37" s="67">
        <v>3745</v>
      </c>
      <c r="B37" s="68" t="s">
        <v>177</v>
      </c>
      <c r="C37" s="70"/>
      <c r="D37" s="70">
        <v>50</v>
      </c>
      <c r="E37" s="70"/>
      <c r="F37" s="70"/>
      <c r="G37" s="70"/>
      <c r="H37" s="70"/>
      <c r="I37" s="70"/>
      <c r="J37" s="70"/>
      <c r="K37" s="70"/>
      <c r="L37" s="70"/>
      <c r="M37" s="70">
        <v>40</v>
      </c>
      <c r="N37" s="70"/>
      <c r="O37" s="70"/>
      <c r="P37" s="70">
        <v>50</v>
      </c>
      <c r="Q37" s="70"/>
      <c r="R37" s="70"/>
      <c r="S37" s="70"/>
      <c r="T37" s="70">
        <v>50</v>
      </c>
      <c r="U37" s="70"/>
      <c r="V37" s="70"/>
      <c r="W37" s="70">
        <v>25</v>
      </c>
      <c r="X37" s="70"/>
      <c r="Y37" s="70"/>
      <c r="Z37" s="70"/>
      <c r="AA37" s="70">
        <v>50</v>
      </c>
      <c r="AB37" s="70">
        <v>100</v>
      </c>
      <c r="AC37" s="70"/>
      <c r="AD37" s="70"/>
      <c r="AE37" s="70"/>
      <c r="AF37" s="70"/>
      <c r="AG37" s="70"/>
      <c r="AH37" s="70"/>
      <c r="AI37" s="70"/>
      <c r="AJ37" s="70"/>
      <c r="AK37" s="70"/>
      <c r="AL37" s="70"/>
      <c r="AM37" s="70"/>
      <c r="AN37" s="70"/>
      <c r="AO37" s="70"/>
      <c r="AP37" s="70"/>
      <c r="AQ37" s="70"/>
      <c r="AR37" s="70"/>
      <c r="AS37" s="70"/>
      <c r="AT37" s="70"/>
      <c r="AU37" s="70"/>
      <c r="AV37" s="70"/>
      <c r="AW37" s="70"/>
      <c r="AX37" s="70"/>
      <c r="AY37" s="70">
        <f t="shared" si="1"/>
        <v>365</v>
      </c>
    </row>
    <row r="38" spans="1:51" ht="17.25" customHeight="1">
      <c r="A38" s="67">
        <v>4314</v>
      </c>
      <c r="B38" s="68" t="s">
        <v>178</v>
      </c>
      <c r="C38" s="70"/>
      <c r="D38" s="70"/>
      <c r="E38" s="70"/>
      <c r="F38" s="70"/>
      <c r="G38" s="70"/>
      <c r="H38" s="70"/>
      <c r="I38" s="70"/>
      <c r="J38" s="70"/>
      <c r="K38" s="70"/>
      <c r="L38" s="70"/>
      <c r="M38" s="70"/>
      <c r="N38" s="70"/>
      <c r="O38" s="70"/>
      <c r="P38" s="70"/>
      <c r="Q38" s="70"/>
      <c r="R38" s="70"/>
      <c r="S38" s="70"/>
      <c r="T38" s="70"/>
      <c r="U38" s="70"/>
      <c r="V38" s="70"/>
      <c r="W38" s="70"/>
      <c r="X38" s="70"/>
      <c r="Y38" s="70"/>
      <c r="Z38" s="70"/>
      <c r="AA38" s="70"/>
      <c r="AB38" s="70"/>
      <c r="AC38" s="70"/>
      <c r="AD38" s="70"/>
      <c r="AE38" s="70"/>
      <c r="AF38" s="70"/>
      <c r="AG38" s="70"/>
      <c r="AH38" s="70"/>
      <c r="AI38" s="70"/>
      <c r="AJ38" s="70"/>
      <c r="AK38" s="70"/>
      <c r="AL38" s="70"/>
      <c r="AM38" s="70"/>
      <c r="AN38" s="70"/>
      <c r="AO38" s="70"/>
      <c r="AP38" s="70"/>
      <c r="AQ38" s="70"/>
      <c r="AR38" s="70"/>
      <c r="AS38" s="70"/>
      <c r="AT38" s="70"/>
      <c r="AU38" s="70"/>
      <c r="AV38" s="70"/>
      <c r="AW38" s="70"/>
      <c r="AX38" s="70"/>
      <c r="AY38" s="70">
        <f t="shared" si="1"/>
        <v>0</v>
      </c>
    </row>
    <row r="39" spans="1:51" ht="17.25" customHeight="1">
      <c r="A39" s="67">
        <v>5311</v>
      </c>
      <c r="B39" s="68" t="s">
        <v>179</v>
      </c>
      <c r="C39" s="70"/>
      <c r="D39" s="70"/>
      <c r="E39" s="70"/>
      <c r="F39" s="70"/>
      <c r="G39" s="70"/>
      <c r="H39" s="70"/>
      <c r="I39" s="70"/>
      <c r="J39" s="70"/>
      <c r="K39" s="70"/>
      <c r="L39" s="70"/>
      <c r="M39" s="70"/>
      <c r="N39" s="70"/>
      <c r="O39" s="70"/>
      <c r="P39" s="70"/>
      <c r="Q39" s="70"/>
      <c r="R39" s="70"/>
      <c r="S39" s="70"/>
      <c r="T39" s="70"/>
      <c r="U39" s="70"/>
      <c r="V39" s="70"/>
      <c r="W39" s="70"/>
      <c r="X39" s="70"/>
      <c r="Y39" s="70"/>
      <c r="Z39" s="70"/>
      <c r="AA39" s="70"/>
      <c r="AB39" s="70"/>
      <c r="AC39" s="70"/>
      <c r="AD39" s="70"/>
      <c r="AE39" s="70"/>
      <c r="AF39" s="70"/>
      <c r="AG39" s="70"/>
      <c r="AH39" s="70"/>
      <c r="AI39" s="70"/>
      <c r="AJ39" s="70"/>
      <c r="AK39" s="70"/>
      <c r="AL39" s="70"/>
      <c r="AM39" s="70"/>
      <c r="AN39" s="70"/>
      <c r="AO39" s="70"/>
      <c r="AP39" s="70"/>
      <c r="AQ39" s="70"/>
      <c r="AR39" s="70"/>
      <c r="AS39" s="70"/>
      <c r="AT39" s="70"/>
      <c r="AU39" s="70"/>
      <c r="AV39" s="70"/>
      <c r="AW39" s="70"/>
      <c r="AX39" s="70"/>
      <c r="AY39" s="70">
        <f t="shared" si="1"/>
        <v>0</v>
      </c>
    </row>
    <row r="40" spans="1:51" ht="17.25" customHeight="1">
      <c r="A40" s="67">
        <v>5512</v>
      </c>
      <c r="B40" s="68" t="s">
        <v>180</v>
      </c>
      <c r="C40" s="70"/>
      <c r="D40" s="70">
        <v>2</v>
      </c>
      <c r="E40" s="70"/>
      <c r="F40" s="70"/>
      <c r="G40" s="70"/>
      <c r="H40" s="70"/>
      <c r="I40" s="70"/>
      <c r="J40" s="70"/>
      <c r="K40" s="70"/>
      <c r="L40" s="70"/>
      <c r="M40" s="70">
        <v>100</v>
      </c>
      <c r="N40" s="70"/>
      <c r="O40" s="70"/>
      <c r="P40" s="70">
        <v>30</v>
      </c>
      <c r="Q40" s="70"/>
      <c r="R40" s="70"/>
      <c r="S40" s="70"/>
      <c r="T40" s="70">
        <v>20</v>
      </c>
      <c r="U40" s="70"/>
      <c r="V40" s="70">
        <v>6</v>
      </c>
      <c r="W40" s="70"/>
      <c r="X40" s="70"/>
      <c r="Y40" s="70"/>
      <c r="Z40" s="70">
        <v>10</v>
      </c>
      <c r="AA40" s="70">
        <v>22</v>
      </c>
      <c r="AB40" s="70">
        <v>20</v>
      </c>
      <c r="AC40" s="70"/>
      <c r="AD40" s="70"/>
      <c r="AE40" s="70"/>
      <c r="AF40" s="70"/>
      <c r="AG40" s="70"/>
      <c r="AH40" s="70"/>
      <c r="AI40" s="70"/>
      <c r="AJ40" s="70"/>
      <c r="AK40" s="70"/>
      <c r="AL40" s="70"/>
      <c r="AM40" s="70"/>
      <c r="AN40" s="70"/>
      <c r="AO40" s="70"/>
      <c r="AP40" s="70"/>
      <c r="AQ40" s="70"/>
      <c r="AR40" s="70"/>
      <c r="AS40" s="70"/>
      <c r="AT40" s="70"/>
      <c r="AU40" s="70"/>
      <c r="AV40" s="70"/>
      <c r="AX40" s="70"/>
      <c r="AY40" s="70">
        <f t="shared" si="1"/>
        <v>210</v>
      </c>
    </row>
    <row r="41" spans="1:51" ht="17.25" customHeight="1">
      <c r="A41" s="67">
        <v>5213</v>
      </c>
      <c r="B41" s="68" t="s">
        <v>181</v>
      </c>
      <c r="C41" s="70"/>
      <c r="D41" s="70"/>
      <c r="E41" s="70"/>
      <c r="F41" s="70"/>
      <c r="G41" s="70"/>
      <c r="H41" s="70"/>
      <c r="I41" s="70"/>
      <c r="J41" s="70"/>
      <c r="K41" s="70"/>
      <c r="L41" s="70"/>
      <c r="M41" s="70"/>
      <c r="N41" s="70"/>
      <c r="O41" s="70"/>
      <c r="P41" s="70"/>
      <c r="Q41" s="70"/>
      <c r="R41" s="70"/>
      <c r="S41" s="70"/>
      <c r="T41" s="70"/>
      <c r="U41" s="70"/>
      <c r="V41" s="70"/>
      <c r="W41" s="70"/>
      <c r="X41" s="70"/>
      <c r="Y41" s="70"/>
      <c r="Z41" s="70"/>
      <c r="AA41" s="70"/>
      <c r="AB41" s="70"/>
      <c r="AC41" s="70"/>
      <c r="AD41" s="70"/>
      <c r="AE41" s="70"/>
      <c r="AF41" s="70"/>
      <c r="AG41" s="70"/>
      <c r="AH41" s="70"/>
      <c r="AI41" s="70"/>
      <c r="AJ41" s="70"/>
      <c r="AK41" s="70"/>
      <c r="AL41" s="70"/>
      <c r="AM41" s="70"/>
      <c r="AN41" s="70"/>
      <c r="AO41" s="70"/>
      <c r="AP41" s="70"/>
      <c r="AQ41" s="70"/>
      <c r="AR41" s="70"/>
      <c r="AS41" s="70"/>
      <c r="AT41" s="70">
        <v>20</v>
      </c>
      <c r="AU41" s="70"/>
      <c r="AV41" s="70"/>
      <c r="AW41" s="70"/>
      <c r="AX41" s="70"/>
      <c r="AY41" s="70">
        <f t="shared" si="1"/>
        <v>20</v>
      </c>
    </row>
    <row r="42" spans="1:51" ht="17.25" customHeight="1">
      <c r="A42" s="67">
        <v>6112</v>
      </c>
      <c r="B42" s="68" t="s">
        <v>182</v>
      </c>
      <c r="C42" s="70"/>
      <c r="D42" s="70"/>
      <c r="E42" s="70">
        <v>900</v>
      </c>
      <c r="F42" s="70"/>
      <c r="G42" s="70">
        <v>122</v>
      </c>
      <c r="H42" s="70"/>
      <c r="I42" s="70"/>
      <c r="J42" s="70"/>
      <c r="K42" s="70"/>
      <c r="L42" s="70"/>
      <c r="M42" s="70"/>
      <c r="N42" s="70"/>
      <c r="O42" s="70"/>
      <c r="P42" s="70"/>
      <c r="Q42" s="70"/>
      <c r="R42" s="70"/>
      <c r="S42" s="70"/>
      <c r="T42" s="70"/>
      <c r="U42" s="70"/>
      <c r="V42" s="70"/>
      <c r="W42" s="70"/>
      <c r="X42" s="70"/>
      <c r="Y42" s="70"/>
      <c r="Z42" s="70">
        <v>5</v>
      </c>
      <c r="AA42" s="70"/>
      <c r="AB42" s="70"/>
      <c r="AC42" s="70">
        <v>5</v>
      </c>
      <c r="AD42" s="70"/>
      <c r="AE42" s="70"/>
      <c r="AF42" s="70"/>
      <c r="AG42" s="70"/>
      <c r="AH42" s="70"/>
      <c r="AI42" s="70"/>
      <c r="AJ42" s="70"/>
      <c r="AK42" s="70"/>
      <c r="AL42" s="70"/>
      <c r="AM42" s="70"/>
      <c r="AN42" s="70"/>
      <c r="AO42" s="70"/>
      <c r="AP42" s="70"/>
      <c r="AQ42" s="70"/>
      <c r="AR42" s="70"/>
      <c r="AS42" s="70"/>
      <c r="AT42" s="70"/>
      <c r="AU42" s="70"/>
      <c r="AV42" s="70"/>
      <c r="AW42" s="70"/>
      <c r="AX42" s="70"/>
      <c r="AY42" s="70">
        <f t="shared" si="1"/>
        <v>1032</v>
      </c>
    </row>
    <row r="43" spans="1:51" ht="17.25" customHeight="1">
      <c r="A43" s="67">
        <v>6114</v>
      </c>
      <c r="B43" s="68" t="s">
        <v>183</v>
      </c>
      <c r="C43" s="70"/>
      <c r="D43" s="70"/>
      <c r="E43" s="70"/>
      <c r="F43" s="70"/>
      <c r="G43" s="70"/>
      <c r="H43" s="70"/>
      <c r="I43" s="70"/>
      <c r="J43" s="70"/>
      <c r="K43" s="70"/>
      <c r="L43" s="70"/>
      <c r="M43" s="70"/>
      <c r="N43" s="70"/>
      <c r="O43" s="70"/>
      <c r="P43" s="70"/>
      <c r="Q43" s="70"/>
      <c r="R43" s="70"/>
      <c r="S43" s="70"/>
      <c r="T43" s="70"/>
      <c r="U43" s="70"/>
      <c r="V43" s="70"/>
      <c r="W43" s="70"/>
      <c r="X43" s="70"/>
      <c r="Y43" s="70"/>
      <c r="Z43" s="70"/>
      <c r="AA43" s="70"/>
      <c r="AB43" s="70"/>
      <c r="AC43" s="70"/>
      <c r="AD43" s="70"/>
      <c r="AE43" s="70"/>
      <c r="AF43" s="70"/>
      <c r="AG43" s="70"/>
      <c r="AH43" s="70"/>
      <c r="AI43" s="70"/>
      <c r="AJ43" s="70"/>
      <c r="AK43" s="70"/>
      <c r="AL43" s="70"/>
      <c r="AM43" s="70"/>
      <c r="AN43" s="70"/>
      <c r="AO43" s="70"/>
      <c r="AP43" s="70"/>
      <c r="AQ43" s="70"/>
      <c r="AR43" s="70"/>
      <c r="AS43" s="70"/>
      <c r="AT43" s="70"/>
      <c r="AU43" s="70"/>
      <c r="AV43" s="70"/>
      <c r="AW43" s="70"/>
      <c r="AX43" s="70"/>
      <c r="AY43" s="70">
        <f t="shared" si="1"/>
        <v>0</v>
      </c>
    </row>
    <row r="44" spans="1:51" ht="17.25" customHeight="1">
      <c r="A44" s="67">
        <v>6115</v>
      </c>
      <c r="B44" s="68" t="s">
        <v>184</v>
      </c>
      <c r="C44" s="70"/>
      <c r="D44" s="70"/>
      <c r="E44" s="70"/>
      <c r="F44" s="70"/>
      <c r="G44" s="70"/>
      <c r="H44" s="70"/>
      <c r="I44" s="70"/>
      <c r="J44" s="70"/>
      <c r="K44" s="70"/>
      <c r="L44" s="70"/>
      <c r="M44" s="70"/>
      <c r="N44" s="70"/>
      <c r="O44" s="70"/>
      <c r="P44" s="70"/>
      <c r="Q44" s="70"/>
      <c r="R44" s="70"/>
      <c r="S44" s="70"/>
      <c r="T44" s="70"/>
      <c r="U44" s="70"/>
      <c r="V44" s="70"/>
      <c r="W44" s="70"/>
      <c r="X44" s="70"/>
      <c r="Y44" s="70"/>
      <c r="Z44" s="70"/>
      <c r="AA44" s="70"/>
      <c r="AB44" s="70"/>
      <c r="AC44" s="70"/>
      <c r="AD44" s="70"/>
      <c r="AE44" s="70"/>
      <c r="AF44" s="70"/>
      <c r="AG44" s="70"/>
      <c r="AH44" s="70"/>
      <c r="AI44" s="70"/>
      <c r="AJ44" s="70"/>
      <c r="AK44" s="70"/>
      <c r="AL44" s="70"/>
      <c r="AM44" s="70"/>
      <c r="AN44" s="70"/>
      <c r="AO44" s="70"/>
      <c r="AP44" s="70"/>
      <c r="AQ44" s="70"/>
      <c r="AR44" s="70"/>
      <c r="AS44" s="70"/>
      <c r="AT44" s="70"/>
      <c r="AU44" s="70"/>
      <c r="AV44" s="70"/>
      <c r="AW44" s="70"/>
      <c r="AX44" s="70"/>
      <c r="AY44" s="70">
        <f t="shared" si="1"/>
        <v>0</v>
      </c>
    </row>
    <row r="45" spans="1:51" ht="17.25" customHeight="1">
      <c r="A45" s="67">
        <v>6171</v>
      </c>
      <c r="B45" s="68" t="s">
        <v>86</v>
      </c>
      <c r="C45" s="70">
        <v>650</v>
      </c>
      <c r="D45" s="70">
        <v>20</v>
      </c>
      <c r="E45" s="70"/>
      <c r="F45" s="70">
        <v>210</v>
      </c>
      <c r="G45" s="70">
        <v>90</v>
      </c>
      <c r="H45" s="70"/>
      <c r="I45" s="70">
        <v>5</v>
      </c>
      <c r="J45" s="70">
        <v>5</v>
      </c>
      <c r="K45" s="70"/>
      <c r="L45" s="70">
        <v>5</v>
      </c>
      <c r="M45" s="70">
        <v>50</v>
      </c>
      <c r="N45" s="70">
        <v>3</v>
      </c>
      <c r="O45" s="70"/>
      <c r="P45" s="70">
        <v>100</v>
      </c>
      <c r="Q45" s="70">
        <v>15</v>
      </c>
      <c r="R45" s="70">
        <v>90</v>
      </c>
      <c r="S45" s="70">
        <v>100</v>
      </c>
      <c r="T45" s="70"/>
      <c r="U45" s="70">
        <v>10</v>
      </c>
      <c r="V45" s="70">
        <v>40</v>
      </c>
      <c r="W45" s="70">
        <v>20</v>
      </c>
      <c r="X45" s="70"/>
      <c r="Y45" s="70"/>
      <c r="Z45" s="70">
        <v>10</v>
      </c>
      <c r="AA45" s="70">
        <v>250</v>
      </c>
      <c r="AB45" s="73">
        <v>40</v>
      </c>
      <c r="AC45" s="70">
        <v>10</v>
      </c>
      <c r="AD45" s="70">
        <v>15</v>
      </c>
      <c r="AE45" s="70"/>
      <c r="AF45" s="70"/>
      <c r="AG45" s="70"/>
      <c r="AH45" s="70"/>
      <c r="AI45" s="70"/>
      <c r="AJ45" s="70"/>
      <c r="AK45" s="70"/>
      <c r="AL45" s="70"/>
      <c r="AM45" s="70"/>
      <c r="AN45" s="70"/>
      <c r="AO45" s="70"/>
      <c r="AP45" s="70"/>
      <c r="AQ45" s="70"/>
      <c r="AR45" s="70"/>
      <c r="AS45" s="70">
        <v>15</v>
      </c>
      <c r="AT45" s="70"/>
      <c r="AU45" s="70"/>
      <c r="AV45" s="70"/>
      <c r="AW45" s="70"/>
      <c r="AX45" s="70"/>
      <c r="AY45" s="70">
        <f t="shared" si="1"/>
        <v>1753</v>
      </c>
    </row>
    <row r="46" spans="1:51" ht="17.25" customHeight="1">
      <c r="A46" s="67">
        <v>6310</v>
      </c>
      <c r="B46" s="84" t="s">
        <v>202</v>
      </c>
      <c r="C46" s="70"/>
      <c r="D46" s="70"/>
      <c r="E46" s="70"/>
      <c r="F46" s="70"/>
      <c r="G46" s="70"/>
      <c r="H46" s="70"/>
      <c r="I46" s="70"/>
      <c r="J46" s="70"/>
      <c r="K46" s="70"/>
      <c r="L46" s="70"/>
      <c r="M46" s="70"/>
      <c r="N46" s="70"/>
      <c r="O46" s="70"/>
      <c r="P46" s="70"/>
      <c r="Q46" s="70"/>
      <c r="R46" s="70"/>
      <c r="S46" s="70"/>
      <c r="T46" s="70"/>
      <c r="U46" s="70"/>
      <c r="V46" s="70"/>
      <c r="W46" s="70">
        <v>10</v>
      </c>
      <c r="X46" s="70"/>
      <c r="Y46" s="70"/>
      <c r="Z46" s="70"/>
      <c r="AA46" s="70"/>
      <c r="AB46" s="70"/>
      <c r="AC46" s="70"/>
      <c r="AD46" s="70"/>
      <c r="AE46" s="70"/>
      <c r="AF46" s="70"/>
      <c r="AG46" s="70"/>
      <c r="AH46" s="70"/>
      <c r="AI46" s="70"/>
      <c r="AJ46" s="70"/>
      <c r="AK46" s="70"/>
      <c r="AL46" s="70"/>
      <c r="AM46" s="70"/>
      <c r="AN46" s="70"/>
      <c r="AO46" s="70"/>
      <c r="AP46" s="70"/>
      <c r="AQ46" s="70"/>
      <c r="AR46" s="70"/>
      <c r="AS46" s="70"/>
      <c r="AT46" s="70"/>
      <c r="AU46" s="70"/>
      <c r="AV46" s="70"/>
      <c r="AW46" s="70"/>
      <c r="AX46" s="70"/>
      <c r="AY46" s="70">
        <f t="shared" si="1"/>
        <v>10</v>
      </c>
    </row>
    <row r="47" spans="1:51" ht="17.25" customHeight="1">
      <c r="A47" s="67">
        <v>6320</v>
      </c>
      <c r="B47" s="68" t="s">
        <v>127</v>
      </c>
      <c r="C47" s="70"/>
      <c r="D47" s="70"/>
      <c r="E47" s="70"/>
      <c r="F47" s="70"/>
      <c r="G47" s="70"/>
      <c r="H47" s="70"/>
      <c r="I47" s="70"/>
      <c r="J47" s="70"/>
      <c r="K47" s="70"/>
      <c r="L47" s="70"/>
      <c r="M47" s="70"/>
      <c r="N47" s="70"/>
      <c r="O47" s="70"/>
      <c r="P47" s="70"/>
      <c r="Q47" s="70"/>
      <c r="R47" s="70"/>
      <c r="S47" s="70"/>
      <c r="T47" s="70"/>
      <c r="U47" s="70"/>
      <c r="V47" s="70"/>
      <c r="W47" s="70"/>
      <c r="X47" s="70"/>
      <c r="Y47" s="70"/>
      <c r="Z47" s="70"/>
      <c r="AA47" s="70"/>
      <c r="AB47" s="70"/>
      <c r="AC47" s="70"/>
      <c r="AD47" s="70"/>
      <c r="AE47" s="70"/>
      <c r="AF47" s="70"/>
      <c r="AG47" s="70"/>
      <c r="AH47" s="70"/>
      <c r="AI47" s="70"/>
      <c r="AJ47" s="70"/>
      <c r="AK47" s="70"/>
      <c r="AL47" s="70"/>
      <c r="AM47" s="70"/>
      <c r="AN47" s="70"/>
      <c r="AO47" s="70"/>
      <c r="AP47" s="70"/>
      <c r="AQ47" s="70"/>
      <c r="AR47" s="70"/>
      <c r="AS47" s="70"/>
      <c r="AT47" s="70"/>
      <c r="AU47" s="70"/>
      <c r="AV47" s="70"/>
      <c r="AW47" s="70"/>
      <c r="AX47" s="70"/>
      <c r="AY47" s="70">
        <f t="shared" si="1"/>
        <v>0</v>
      </c>
    </row>
    <row r="48" spans="1:51" ht="17.25" customHeight="1">
      <c r="A48" s="67">
        <v>6399</v>
      </c>
      <c r="B48" s="68" t="s">
        <v>185</v>
      </c>
      <c r="C48" s="70"/>
      <c r="D48" s="70"/>
      <c r="E48" s="70"/>
      <c r="F48" s="70"/>
      <c r="G48" s="70"/>
      <c r="H48" s="70"/>
      <c r="I48" s="70"/>
      <c r="J48" s="70"/>
      <c r="K48" s="70"/>
      <c r="L48" s="70"/>
      <c r="M48" s="70"/>
      <c r="N48" s="70"/>
      <c r="O48" s="70"/>
      <c r="P48" s="70"/>
      <c r="Q48" s="70"/>
      <c r="R48" s="70"/>
      <c r="S48" s="70"/>
      <c r="T48" s="70"/>
      <c r="U48" s="70"/>
      <c r="V48" s="70"/>
      <c r="W48" s="70"/>
      <c r="X48" s="70"/>
      <c r="Y48" s="70"/>
      <c r="Z48" s="70"/>
      <c r="AA48" s="70"/>
      <c r="AB48" s="70"/>
      <c r="AC48" s="70"/>
      <c r="AD48" s="70"/>
      <c r="AE48" s="70"/>
      <c r="AF48" s="70"/>
      <c r="AG48" s="70"/>
      <c r="AH48" s="70"/>
      <c r="AI48" s="70"/>
      <c r="AJ48" s="70"/>
      <c r="AK48" s="70"/>
      <c r="AL48" s="70"/>
      <c r="AM48" s="70"/>
      <c r="AN48" s="70"/>
      <c r="AO48" s="70"/>
      <c r="AP48" s="70"/>
      <c r="AQ48" s="70"/>
      <c r="AR48" s="70"/>
      <c r="AS48" s="70"/>
      <c r="AT48" s="70"/>
      <c r="AU48" s="70"/>
      <c r="AV48" s="70"/>
      <c r="AW48" s="70"/>
      <c r="AX48" s="70"/>
      <c r="AY48" s="70">
        <f t="shared" si="1"/>
        <v>0</v>
      </c>
    </row>
    <row r="49" spans="1:51" ht="17.25" customHeight="1">
      <c r="A49" s="67">
        <v>6402</v>
      </c>
      <c r="B49" s="68" t="s">
        <v>186</v>
      </c>
      <c r="C49" s="70"/>
      <c r="D49" s="70"/>
      <c r="E49" s="70"/>
      <c r="F49" s="70"/>
      <c r="G49" s="70"/>
      <c r="H49" s="70"/>
      <c r="I49" s="70"/>
      <c r="J49" s="70"/>
      <c r="K49" s="70"/>
      <c r="L49" s="70"/>
      <c r="M49" s="70"/>
      <c r="N49" s="70"/>
      <c r="O49" s="70"/>
      <c r="P49" s="70"/>
      <c r="Q49" s="70"/>
      <c r="R49" s="70"/>
      <c r="S49" s="70"/>
      <c r="T49" s="70"/>
      <c r="U49" s="70"/>
      <c r="V49" s="70"/>
      <c r="W49" s="70"/>
      <c r="X49" s="70"/>
      <c r="Y49" s="70"/>
      <c r="Z49" s="70"/>
      <c r="AA49" s="70"/>
      <c r="AB49" s="70"/>
      <c r="AC49" s="70"/>
      <c r="AD49" s="70"/>
      <c r="AE49" s="70"/>
      <c r="AF49" s="70"/>
      <c r="AG49" s="70"/>
      <c r="AH49" s="70"/>
      <c r="AJ49" s="70"/>
      <c r="AK49" s="70"/>
      <c r="AL49" s="70"/>
      <c r="AM49" s="70"/>
      <c r="AN49" s="70"/>
      <c r="AO49" s="70"/>
      <c r="AP49" s="70"/>
      <c r="AQ49" s="70"/>
      <c r="AR49" s="70"/>
      <c r="AS49" s="70"/>
      <c r="AT49" s="70"/>
      <c r="AU49" s="70"/>
      <c r="AV49" s="70"/>
      <c r="AW49" s="70"/>
      <c r="AX49" s="70"/>
      <c r="AY49" s="70">
        <f t="shared" si="1"/>
        <v>0</v>
      </c>
    </row>
    <row r="50" spans="1:51" ht="17.25" customHeight="1">
      <c r="A50" s="67">
        <v>6409</v>
      </c>
      <c r="B50" s="68" t="s">
        <v>187</v>
      </c>
      <c r="C50" s="70"/>
      <c r="D50" s="70"/>
      <c r="E50" s="70"/>
      <c r="F50" s="70"/>
      <c r="G50" s="70"/>
      <c r="H50" s="70"/>
      <c r="I50" s="70"/>
      <c r="J50" s="70"/>
      <c r="K50" s="70"/>
      <c r="L50" s="70"/>
      <c r="M50" s="70"/>
      <c r="N50" s="70"/>
      <c r="O50" s="70"/>
      <c r="P50" s="70"/>
      <c r="Q50" s="70"/>
      <c r="R50" s="70"/>
      <c r="S50" s="70"/>
      <c r="T50" s="70"/>
      <c r="U50" s="70"/>
      <c r="V50" s="70"/>
      <c r="W50" s="70"/>
      <c r="X50" s="70"/>
      <c r="Y50" s="70"/>
      <c r="Z50" s="70"/>
      <c r="AA50" s="70"/>
      <c r="AB50" s="70"/>
      <c r="AC50" s="70"/>
      <c r="AD50" s="70"/>
      <c r="AE50" s="70"/>
      <c r="AF50" s="70"/>
      <c r="AG50" s="70"/>
      <c r="AH50" s="70">
        <v>15</v>
      </c>
      <c r="AI50" s="70">
        <v>20</v>
      </c>
      <c r="AJ50" s="70">
        <v>5</v>
      </c>
      <c r="AK50" s="70">
        <v>15</v>
      </c>
      <c r="AL50" s="70"/>
      <c r="AM50" s="70"/>
      <c r="AN50" s="70"/>
      <c r="AO50" s="70"/>
      <c r="AP50" s="70"/>
      <c r="AQ50" s="70">
        <v>200</v>
      </c>
      <c r="AR50" s="70"/>
      <c r="AS50" s="70"/>
      <c r="AT50" s="70"/>
      <c r="AU50" s="70"/>
      <c r="AV50" s="70"/>
      <c r="AW50" s="70"/>
      <c r="AX50" s="70"/>
      <c r="AY50" s="70">
        <f t="shared" si="1"/>
        <v>255</v>
      </c>
    </row>
    <row r="51" spans="1:51" ht="17.25" customHeight="1">
      <c r="A51" s="174" t="s">
        <v>188</v>
      </c>
      <c r="B51" s="148"/>
      <c r="C51" s="74">
        <f t="shared" ref="C51:AX51" si="2">SUM(C5:C50)</f>
        <v>1060</v>
      </c>
      <c r="D51" s="74">
        <f t="shared" si="2"/>
        <v>182</v>
      </c>
      <c r="E51" s="74">
        <f t="shared" si="2"/>
        <v>900</v>
      </c>
      <c r="F51" s="74">
        <f t="shared" si="2"/>
        <v>342</v>
      </c>
      <c r="G51" s="74">
        <f t="shared" si="2"/>
        <v>272</v>
      </c>
      <c r="H51" s="74">
        <f t="shared" si="2"/>
        <v>0</v>
      </c>
      <c r="I51" s="74">
        <f t="shared" si="2"/>
        <v>5</v>
      </c>
      <c r="J51" s="74">
        <f t="shared" si="2"/>
        <v>5</v>
      </c>
      <c r="K51" s="74">
        <f t="shared" si="2"/>
        <v>10</v>
      </c>
      <c r="L51" s="74">
        <f t="shared" si="2"/>
        <v>5</v>
      </c>
      <c r="M51" s="74">
        <f t="shared" si="2"/>
        <v>270</v>
      </c>
      <c r="N51" s="74">
        <f t="shared" si="2"/>
        <v>3</v>
      </c>
      <c r="O51" s="74">
        <f t="shared" si="2"/>
        <v>0</v>
      </c>
      <c r="P51" s="74">
        <f t="shared" si="2"/>
        <v>600</v>
      </c>
      <c r="Q51" s="74">
        <f t="shared" si="2"/>
        <v>15</v>
      </c>
      <c r="R51" s="74">
        <f t="shared" si="2"/>
        <v>90</v>
      </c>
      <c r="S51" s="74">
        <f t="shared" si="2"/>
        <v>500</v>
      </c>
      <c r="T51" s="74">
        <f t="shared" si="2"/>
        <v>110</v>
      </c>
      <c r="U51" s="74">
        <f t="shared" si="2"/>
        <v>10</v>
      </c>
      <c r="V51" s="74">
        <f t="shared" si="2"/>
        <v>46</v>
      </c>
      <c r="W51" s="74">
        <f t="shared" si="2"/>
        <v>55</v>
      </c>
      <c r="X51" s="74">
        <f t="shared" si="2"/>
        <v>1</v>
      </c>
      <c r="Y51" s="74">
        <f t="shared" si="2"/>
        <v>5</v>
      </c>
      <c r="Z51" s="74">
        <f t="shared" si="2"/>
        <v>25</v>
      </c>
      <c r="AA51" s="74">
        <f t="shared" si="2"/>
        <v>3712</v>
      </c>
      <c r="AB51" s="74">
        <f t="shared" si="2"/>
        <v>3385</v>
      </c>
      <c r="AC51" s="74">
        <f t="shared" si="2"/>
        <v>15</v>
      </c>
      <c r="AD51" s="74">
        <f t="shared" si="2"/>
        <v>45</v>
      </c>
      <c r="AE51" s="74">
        <f t="shared" si="2"/>
        <v>0</v>
      </c>
      <c r="AF51" s="74">
        <f t="shared" si="2"/>
        <v>0</v>
      </c>
      <c r="AG51" s="74">
        <f t="shared" si="2"/>
        <v>70</v>
      </c>
      <c r="AH51" s="74">
        <f t="shared" si="2"/>
        <v>15</v>
      </c>
      <c r="AI51" s="74">
        <f t="shared" si="2"/>
        <v>20</v>
      </c>
      <c r="AJ51" s="74">
        <f t="shared" si="2"/>
        <v>5</v>
      </c>
      <c r="AK51" s="74">
        <f t="shared" si="2"/>
        <v>15</v>
      </c>
      <c r="AL51" s="74">
        <f t="shared" si="2"/>
        <v>250</v>
      </c>
      <c r="AM51" s="74">
        <f t="shared" si="2"/>
        <v>44</v>
      </c>
      <c r="AN51" s="74">
        <f t="shared" si="2"/>
        <v>0</v>
      </c>
      <c r="AO51" s="74">
        <f t="shared" si="2"/>
        <v>0</v>
      </c>
      <c r="AP51" s="74">
        <f t="shared" si="2"/>
        <v>0</v>
      </c>
      <c r="AQ51" s="74">
        <f t="shared" si="2"/>
        <v>215</v>
      </c>
      <c r="AR51" s="74">
        <f t="shared" si="2"/>
        <v>4</v>
      </c>
      <c r="AS51" s="74">
        <f t="shared" si="2"/>
        <v>20</v>
      </c>
      <c r="AT51" s="74">
        <f t="shared" si="2"/>
        <v>20</v>
      </c>
      <c r="AU51" s="74">
        <f t="shared" si="2"/>
        <v>500</v>
      </c>
      <c r="AV51" s="74">
        <f t="shared" si="2"/>
        <v>6000</v>
      </c>
      <c r="AW51" s="74">
        <f t="shared" si="2"/>
        <v>0</v>
      </c>
      <c r="AX51" s="74">
        <f t="shared" si="2"/>
        <v>0</v>
      </c>
      <c r="AY51" s="74">
        <f>SUM(AY5:AY50)</f>
        <v>18846</v>
      </c>
    </row>
    <row r="52" spans="1:51" ht="17.25" customHeight="1">
      <c r="B52" s="65"/>
    </row>
    <row r="53" spans="1:51" ht="17.25" customHeight="1">
      <c r="B53" s="65"/>
      <c r="AV53" s="75"/>
    </row>
    <row r="54" spans="1:51" ht="13.5" customHeight="1">
      <c r="B54" s="65"/>
    </row>
    <row r="55" spans="1:51" ht="13.5" customHeight="1">
      <c r="B55" s="65"/>
    </row>
    <row r="56" spans="1:51" ht="13.5" customHeight="1">
      <c r="B56" s="65"/>
    </row>
    <row r="57" spans="1:51" ht="13.5" customHeight="1">
      <c r="B57" s="65"/>
    </row>
    <row r="58" spans="1:51" ht="13.5" customHeight="1">
      <c r="B58" s="65"/>
    </row>
    <row r="59" spans="1:51" ht="13.5" customHeight="1">
      <c r="B59" s="65"/>
    </row>
    <row r="60" spans="1:51" ht="13.5" customHeight="1">
      <c r="B60" s="65"/>
    </row>
    <row r="61" spans="1:51" ht="13.5" customHeight="1">
      <c r="B61" s="65"/>
    </row>
    <row r="62" spans="1:51" ht="13.5" customHeight="1">
      <c r="B62" s="65"/>
    </row>
    <row r="63" spans="1:51" ht="13.5" customHeight="1">
      <c r="B63" s="65"/>
    </row>
    <row r="64" spans="1:51" ht="13.5" customHeight="1">
      <c r="B64" s="65"/>
    </row>
    <row r="65" spans="2:2" ht="13.5" customHeight="1">
      <c r="B65" s="65"/>
    </row>
    <row r="66" spans="2:2" ht="13.5" customHeight="1">
      <c r="B66" s="65"/>
    </row>
    <row r="67" spans="2:2" ht="13.5" customHeight="1">
      <c r="B67" s="65"/>
    </row>
    <row r="68" spans="2:2" ht="13.5" customHeight="1">
      <c r="B68" s="65"/>
    </row>
    <row r="69" spans="2:2" ht="13.5" customHeight="1">
      <c r="B69" s="65"/>
    </row>
    <row r="70" spans="2:2" ht="13.5" customHeight="1">
      <c r="B70" s="65"/>
    </row>
    <row r="71" spans="2:2" ht="13.5" customHeight="1">
      <c r="B71" s="65"/>
    </row>
    <row r="72" spans="2:2" ht="13.5" customHeight="1">
      <c r="B72" s="65"/>
    </row>
    <row r="73" spans="2:2" ht="13.5" customHeight="1">
      <c r="B73" s="65"/>
    </row>
    <row r="74" spans="2:2" ht="13.5" customHeight="1">
      <c r="B74" s="65"/>
    </row>
    <row r="75" spans="2:2" ht="13.5" customHeight="1">
      <c r="B75" s="65"/>
    </row>
    <row r="76" spans="2:2" ht="13.5" customHeight="1">
      <c r="B76" s="65"/>
    </row>
    <row r="77" spans="2:2" ht="13.5" customHeight="1">
      <c r="B77" s="65"/>
    </row>
    <row r="78" spans="2:2" ht="13.5" customHeight="1">
      <c r="B78" s="65"/>
    </row>
    <row r="79" spans="2:2" ht="13.5" customHeight="1">
      <c r="B79" s="65"/>
    </row>
    <row r="80" spans="2:2" ht="13.5" customHeight="1">
      <c r="B80" s="65"/>
    </row>
    <row r="81" spans="2:2" ht="13.5" customHeight="1">
      <c r="B81" s="65"/>
    </row>
    <row r="82" spans="2:2" ht="13.5" customHeight="1">
      <c r="B82" s="65"/>
    </row>
    <row r="83" spans="2:2" ht="13.5" customHeight="1">
      <c r="B83" s="65"/>
    </row>
    <row r="84" spans="2:2" ht="13.5" customHeight="1">
      <c r="B84" s="65"/>
    </row>
    <row r="85" spans="2:2" ht="13.5" customHeight="1">
      <c r="B85" s="65"/>
    </row>
    <row r="86" spans="2:2" ht="13.5" customHeight="1">
      <c r="B86" s="65"/>
    </row>
    <row r="87" spans="2:2" ht="13.5" customHeight="1">
      <c r="B87" s="65"/>
    </row>
    <row r="88" spans="2:2" ht="13.5" customHeight="1">
      <c r="B88" s="65"/>
    </row>
    <row r="89" spans="2:2" ht="13.5" customHeight="1">
      <c r="B89" s="65"/>
    </row>
    <row r="90" spans="2:2" ht="13.5" customHeight="1">
      <c r="B90" s="65"/>
    </row>
    <row r="91" spans="2:2" ht="13.5" customHeight="1">
      <c r="B91" s="65"/>
    </row>
    <row r="92" spans="2:2" ht="13.5" customHeight="1">
      <c r="B92" s="65"/>
    </row>
    <row r="93" spans="2:2" ht="13.5" customHeight="1">
      <c r="B93" s="65"/>
    </row>
    <row r="94" spans="2:2" ht="13.5" customHeight="1">
      <c r="B94" s="65"/>
    </row>
    <row r="95" spans="2:2" ht="13.5" customHeight="1">
      <c r="B95" s="65"/>
    </row>
    <row r="96" spans="2:2" ht="13.5" customHeight="1">
      <c r="B96" s="65"/>
    </row>
    <row r="97" spans="2:2" ht="13.5" customHeight="1">
      <c r="B97" s="65"/>
    </row>
    <row r="98" spans="2:2" ht="13.5" customHeight="1">
      <c r="B98" s="65"/>
    </row>
    <row r="99" spans="2:2" ht="13.5" customHeight="1">
      <c r="B99" s="65"/>
    </row>
    <row r="100" spans="2:2" ht="13.5" customHeight="1">
      <c r="B100" s="65"/>
    </row>
    <row r="101" spans="2:2" ht="13.5" customHeight="1">
      <c r="B101" s="65"/>
    </row>
    <row r="102" spans="2:2" ht="13.5" customHeight="1">
      <c r="B102" s="65"/>
    </row>
    <row r="103" spans="2:2" ht="13.5" customHeight="1">
      <c r="B103" s="65"/>
    </row>
    <row r="104" spans="2:2" ht="13.5" customHeight="1">
      <c r="B104" s="65"/>
    </row>
    <row r="105" spans="2:2" ht="13.5" customHeight="1">
      <c r="B105" s="65"/>
    </row>
    <row r="106" spans="2:2" ht="13.5" customHeight="1">
      <c r="B106" s="65"/>
    </row>
    <row r="107" spans="2:2" ht="13.5" customHeight="1">
      <c r="B107" s="65"/>
    </row>
    <row r="108" spans="2:2" ht="13.5" customHeight="1">
      <c r="B108" s="65"/>
    </row>
    <row r="109" spans="2:2" ht="13.5" customHeight="1">
      <c r="B109" s="65"/>
    </row>
    <row r="110" spans="2:2" ht="13.5" customHeight="1">
      <c r="B110" s="65"/>
    </row>
    <row r="111" spans="2:2" ht="13.5" customHeight="1">
      <c r="B111" s="65"/>
    </row>
    <row r="112" spans="2:2" ht="13.5" customHeight="1">
      <c r="B112" s="65"/>
    </row>
    <row r="113" spans="2:2" ht="13.5" customHeight="1">
      <c r="B113" s="65"/>
    </row>
    <row r="114" spans="2:2" ht="13.5" customHeight="1">
      <c r="B114" s="65"/>
    </row>
    <row r="115" spans="2:2" ht="13.5" customHeight="1">
      <c r="B115" s="65"/>
    </row>
    <row r="116" spans="2:2" ht="13.5" customHeight="1">
      <c r="B116" s="65"/>
    </row>
    <row r="117" spans="2:2" ht="13.5" customHeight="1">
      <c r="B117" s="65"/>
    </row>
    <row r="118" spans="2:2" ht="13.5" customHeight="1">
      <c r="B118" s="65"/>
    </row>
    <row r="119" spans="2:2" ht="13.5" customHeight="1">
      <c r="B119" s="65"/>
    </row>
    <row r="120" spans="2:2" ht="13.5" customHeight="1">
      <c r="B120" s="65"/>
    </row>
    <row r="121" spans="2:2" ht="13.5" customHeight="1">
      <c r="B121" s="65"/>
    </row>
    <row r="122" spans="2:2" ht="13.5" customHeight="1">
      <c r="B122" s="65"/>
    </row>
    <row r="123" spans="2:2" ht="13.5" customHeight="1">
      <c r="B123" s="65"/>
    </row>
    <row r="124" spans="2:2" ht="13.5" customHeight="1">
      <c r="B124" s="65"/>
    </row>
    <row r="125" spans="2:2" ht="13.5" customHeight="1">
      <c r="B125" s="65"/>
    </row>
    <row r="126" spans="2:2" ht="13.5" customHeight="1">
      <c r="B126" s="65"/>
    </row>
    <row r="127" spans="2:2" ht="13.5" customHeight="1">
      <c r="B127" s="65"/>
    </row>
    <row r="128" spans="2:2" ht="13.5" customHeight="1">
      <c r="B128" s="65"/>
    </row>
    <row r="129" spans="2:2" ht="13.5" customHeight="1">
      <c r="B129" s="65"/>
    </row>
    <row r="130" spans="2:2" ht="13.5" customHeight="1">
      <c r="B130" s="65"/>
    </row>
    <row r="131" spans="2:2" ht="13.5" customHeight="1">
      <c r="B131" s="65"/>
    </row>
    <row r="132" spans="2:2" ht="13.5" customHeight="1">
      <c r="B132" s="65"/>
    </row>
    <row r="133" spans="2:2" ht="13.5" customHeight="1">
      <c r="B133" s="65"/>
    </row>
    <row r="134" spans="2:2" ht="13.5" customHeight="1">
      <c r="B134" s="65"/>
    </row>
    <row r="135" spans="2:2" ht="13.5" customHeight="1">
      <c r="B135" s="65"/>
    </row>
    <row r="136" spans="2:2" ht="13.5" customHeight="1">
      <c r="B136" s="65"/>
    </row>
    <row r="137" spans="2:2" ht="13.5" customHeight="1">
      <c r="B137" s="65"/>
    </row>
    <row r="138" spans="2:2" ht="13.5" customHeight="1">
      <c r="B138" s="65"/>
    </row>
    <row r="139" spans="2:2" ht="13.5" customHeight="1">
      <c r="B139" s="65"/>
    </row>
    <row r="140" spans="2:2" ht="13.5" customHeight="1">
      <c r="B140" s="65"/>
    </row>
    <row r="141" spans="2:2" ht="13.5" customHeight="1">
      <c r="B141" s="65"/>
    </row>
    <row r="142" spans="2:2" ht="13.5" customHeight="1">
      <c r="B142" s="65"/>
    </row>
    <row r="143" spans="2:2" ht="13.5" customHeight="1">
      <c r="B143" s="65"/>
    </row>
    <row r="144" spans="2:2" ht="13.5" customHeight="1">
      <c r="B144" s="65"/>
    </row>
    <row r="145" spans="2:2" ht="13.5" customHeight="1">
      <c r="B145" s="65"/>
    </row>
    <row r="146" spans="2:2" ht="13.5" customHeight="1">
      <c r="B146" s="65"/>
    </row>
    <row r="147" spans="2:2" ht="13.5" customHeight="1">
      <c r="B147" s="65"/>
    </row>
    <row r="148" spans="2:2" ht="13.5" customHeight="1">
      <c r="B148" s="65"/>
    </row>
    <row r="149" spans="2:2" ht="13.5" customHeight="1">
      <c r="B149" s="65"/>
    </row>
    <row r="150" spans="2:2" ht="13.5" customHeight="1">
      <c r="B150" s="65"/>
    </row>
    <row r="151" spans="2:2" ht="13.5" customHeight="1">
      <c r="B151" s="65"/>
    </row>
    <row r="152" spans="2:2" ht="13.5" customHeight="1">
      <c r="B152" s="65"/>
    </row>
    <row r="153" spans="2:2" ht="13.5" customHeight="1">
      <c r="B153" s="65"/>
    </row>
    <row r="154" spans="2:2" ht="13.5" customHeight="1">
      <c r="B154" s="65"/>
    </row>
    <row r="155" spans="2:2" ht="13.5" customHeight="1">
      <c r="B155" s="65"/>
    </row>
    <row r="156" spans="2:2" ht="13.5" customHeight="1">
      <c r="B156" s="65"/>
    </row>
    <row r="157" spans="2:2" ht="13.5" customHeight="1">
      <c r="B157" s="65"/>
    </row>
    <row r="158" spans="2:2" ht="13.5" customHeight="1">
      <c r="B158" s="65"/>
    </row>
    <row r="159" spans="2:2" ht="13.5" customHeight="1">
      <c r="B159" s="65"/>
    </row>
    <row r="160" spans="2:2" ht="13.5" customHeight="1">
      <c r="B160" s="65"/>
    </row>
    <row r="161" spans="2:2" ht="13.5" customHeight="1">
      <c r="B161" s="65"/>
    </row>
    <row r="162" spans="2:2" ht="13.5" customHeight="1">
      <c r="B162" s="65"/>
    </row>
    <row r="163" spans="2:2" ht="13.5" customHeight="1">
      <c r="B163" s="65"/>
    </row>
    <row r="164" spans="2:2" ht="13.5" customHeight="1">
      <c r="B164" s="65"/>
    </row>
    <row r="165" spans="2:2" ht="13.5" customHeight="1">
      <c r="B165" s="65"/>
    </row>
    <row r="166" spans="2:2" ht="13.5" customHeight="1">
      <c r="B166" s="65"/>
    </row>
    <row r="167" spans="2:2" ht="13.5" customHeight="1">
      <c r="B167" s="65"/>
    </row>
    <row r="168" spans="2:2" ht="13.5" customHeight="1">
      <c r="B168" s="65"/>
    </row>
    <row r="169" spans="2:2" ht="13.5" customHeight="1">
      <c r="B169" s="65"/>
    </row>
    <row r="170" spans="2:2" ht="13.5" customHeight="1">
      <c r="B170" s="65"/>
    </row>
    <row r="171" spans="2:2" ht="13.5" customHeight="1">
      <c r="B171" s="65"/>
    </row>
    <row r="172" spans="2:2" ht="13.5" customHeight="1">
      <c r="B172" s="65"/>
    </row>
    <row r="173" spans="2:2" ht="13.5" customHeight="1">
      <c r="B173" s="65"/>
    </row>
    <row r="174" spans="2:2" ht="13.5" customHeight="1">
      <c r="B174" s="65"/>
    </row>
    <row r="175" spans="2:2" ht="13.5" customHeight="1">
      <c r="B175" s="65"/>
    </row>
    <row r="176" spans="2:2" ht="13.5" customHeight="1">
      <c r="B176" s="65"/>
    </row>
    <row r="177" spans="2:2" ht="13.5" customHeight="1">
      <c r="B177" s="65"/>
    </row>
    <row r="178" spans="2:2" ht="13.5" customHeight="1">
      <c r="B178" s="65"/>
    </row>
    <row r="179" spans="2:2" ht="13.5" customHeight="1">
      <c r="B179" s="65"/>
    </row>
    <row r="180" spans="2:2" ht="13.5" customHeight="1">
      <c r="B180" s="65"/>
    </row>
    <row r="181" spans="2:2" ht="13.5" customHeight="1">
      <c r="B181" s="65"/>
    </row>
    <row r="182" spans="2:2" ht="13.5" customHeight="1">
      <c r="B182" s="65"/>
    </row>
    <row r="183" spans="2:2" ht="13.5" customHeight="1">
      <c r="B183" s="65"/>
    </row>
    <row r="184" spans="2:2" ht="13.5" customHeight="1">
      <c r="B184" s="65"/>
    </row>
    <row r="185" spans="2:2" ht="13.5" customHeight="1">
      <c r="B185" s="65"/>
    </row>
    <row r="186" spans="2:2" ht="13.5" customHeight="1">
      <c r="B186" s="65"/>
    </row>
    <row r="187" spans="2:2" ht="13.5" customHeight="1">
      <c r="B187" s="65"/>
    </row>
    <row r="188" spans="2:2" ht="13.5" customHeight="1">
      <c r="B188" s="65"/>
    </row>
    <row r="189" spans="2:2" ht="13.5" customHeight="1">
      <c r="B189" s="65"/>
    </row>
    <row r="190" spans="2:2" ht="13.5" customHeight="1">
      <c r="B190" s="65"/>
    </row>
    <row r="191" spans="2:2" ht="13.5" customHeight="1">
      <c r="B191" s="65"/>
    </row>
    <row r="192" spans="2:2" ht="13.5" customHeight="1">
      <c r="B192" s="65"/>
    </row>
    <row r="193" spans="2:2" ht="13.5" customHeight="1">
      <c r="B193" s="65"/>
    </row>
    <row r="194" spans="2:2" ht="13.5" customHeight="1">
      <c r="B194" s="65"/>
    </row>
    <row r="195" spans="2:2" ht="13.5" customHeight="1">
      <c r="B195" s="65"/>
    </row>
    <row r="196" spans="2:2" ht="13.5" customHeight="1">
      <c r="B196" s="65"/>
    </row>
    <row r="197" spans="2:2" ht="13.5" customHeight="1">
      <c r="B197" s="65"/>
    </row>
    <row r="198" spans="2:2" ht="13.5" customHeight="1">
      <c r="B198" s="65"/>
    </row>
    <row r="199" spans="2:2" ht="13.5" customHeight="1">
      <c r="B199" s="65"/>
    </row>
    <row r="200" spans="2:2" ht="13.5" customHeight="1">
      <c r="B200" s="65"/>
    </row>
    <row r="201" spans="2:2" ht="13.5" customHeight="1">
      <c r="B201" s="65"/>
    </row>
    <row r="202" spans="2:2" ht="13.5" customHeight="1">
      <c r="B202" s="65"/>
    </row>
    <row r="203" spans="2:2" ht="13.5" customHeight="1">
      <c r="B203" s="65"/>
    </row>
    <row r="204" spans="2:2" ht="13.5" customHeight="1">
      <c r="B204" s="65"/>
    </row>
    <row r="205" spans="2:2" ht="13.5" customHeight="1">
      <c r="B205" s="65"/>
    </row>
    <row r="206" spans="2:2" ht="13.5" customHeight="1">
      <c r="B206" s="65"/>
    </row>
    <row r="207" spans="2:2" ht="13.5" customHeight="1">
      <c r="B207" s="65"/>
    </row>
    <row r="208" spans="2:2" ht="13.5" customHeight="1">
      <c r="B208" s="65"/>
    </row>
    <row r="209" spans="2:2" ht="13.5" customHeight="1">
      <c r="B209" s="65"/>
    </row>
    <row r="210" spans="2:2" ht="13.5" customHeight="1">
      <c r="B210" s="65"/>
    </row>
    <row r="211" spans="2:2" ht="13.5" customHeight="1">
      <c r="B211" s="65"/>
    </row>
    <row r="212" spans="2:2" ht="13.5" customHeight="1">
      <c r="B212" s="65"/>
    </row>
    <row r="213" spans="2:2" ht="13.5" customHeight="1">
      <c r="B213" s="65"/>
    </row>
    <row r="214" spans="2:2" ht="13.5" customHeight="1">
      <c r="B214" s="65"/>
    </row>
    <row r="215" spans="2:2" ht="13.5" customHeight="1">
      <c r="B215" s="65"/>
    </row>
    <row r="216" spans="2:2" ht="13.5" customHeight="1">
      <c r="B216" s="65"/>
    </row>
    <row r="217" spans="2:2" ht="13.5" customHeight="1">
      <c r="B217" s="65"/>
    </row>
    <row r="218" spans="2:2" ht="13.5" customHeight="1">
      <c r="B218" s="65"/>
    </row>
    <row r="219" spans="2:2" ht="13.5" customHeight="1">
      <c r="B219" s="65"/>
    </row>
    <row r="220" spans="2:2" ht="13.5" customHeight="1">
      <c r="B220" s="65"/>
    </row>
    <row r="221" spans="2:2" ht="13.5" customHeight="1">
      <c r="B221" s="65"/>
    </row>
    <row r="222" spans="2:2" ht="13.5" customHeight="1">
      <c r="B222" s="65"/>
    </row>
    <row r="223" spans="2:2" ht="13.5" customHeight="1">
      <c r="B223" s="65"/>
    </row>
    <row r="224" spans="2:2" ht="13.5" customHeight="1">
      <c r="B224" s="65"/>
    </row>
    <row r="225" spans="2:2" ht="13.5" customHeight="1">
      <c r="B225" s="65"/>
    </row>
    <row r="226" spans="2:2" ht="13.5" customHeight="1">
      <c r="B226" s="65"/>
    </row>
    <row r="227" spans="2:2" ht="13.5" customHeight="1">
      <c r="B227" s="65"/>
    </row>
    <row r="228" spans="2:2" ht="13.5" customHeight="1">
      <c r="B228" s="65"/>
    </row>
    <row r="229" spans="2:2" ht="13.5" customHeight="1">
      <c r="B229" s="65"/>
    </row>
    <row r="230" spans="2:2" ht="13.5" customHeight="1">
      <c r="B230" s="65"/>
    </row>
    <row r="231" spans="2:2" ht="13.5" customHeight="1">
      <c r="B231" s="65"/>
    </row>
    <row r="232" spans="2:2" ht="13.5" customHeight="1">
      <c r="B232" s="65"/>
    </row>
    <row r="233" spans="2:2" ht="13.5" customHeight="1">
      <c r="B233" s="65"/>
    </row>
    <row r="234" spans="2:2" ht="13.5" customHeight="1">
      <c r="B234" s="65"/>
    </row>
    <row r="235" spans="2:2" ht="13.5" customHeight="1">
      <c r="B235" s="65"/>
    </row>
    <row r="236" spans="2:2" ht="13.5" customHeight="1">
      <c r="B236" s="65"/>
    </row>
    <row r="237" spans="2:2" ht="13.5" customHeight="1">
      <c r="B237" s="65"/>
    </row>
    <row r="238" spans="2:2" ht="13.5" customHeight="1">
      <c r="B238" s="65"/>
    </row>
    <row r="239" spans="2:2" ht="13.5" customHeight="1">
      <c r="B239" s="65"/>
    </row>
    <row r="240" spans="2:2" ht="13.5" customHeight="1">
      <c r="B240" s="65"/>
    </row>
    <row r="241" spans="2:2" ht="13.5" customHeight="1">
      <c r="B241" s="65"/>
    </row>
    <row r="242" spans="2:2" ht="13.5" customHeight="1">
      <c r="B242" s="65"/>
    </row>
    <row r="243" spans="2:2" ht="13.5" customHeight="1">
      <c r="B243" s="65"/>
    </row>
    <row r="244" spans="2:2" ht="13.5" customHeight="1">
      <c r="B244" s="65"/>
    </row>
    <row r="245" spans="2:2" ht="13.5" customHeight="1">
      <c r="B245" s="65"/>
    </row>
    <row r="246" spans="2:2" ht="13.5" customHeight="1">
      <c r="B246" s="65"/>
    </row>
    <row r="247" spans="2:2" ht="13.5" customHeight="1">
      <c r="B247" s="65"/>
    </row>
    <row r="248" spans="2:2" ht="13.5" customHeight="1">
      <c r="B248" s="65"/>
    </row>
    <row r="249" spans="2:2" ht="13.5" customHeight="1">
      <c r="B249" s="65"/>
    </row>
    <row r="250" spans="2:2" ht="13.5" customHeight="1">
      <c r="B250" s="65"/>
    </row>
    <row r="251" spans="2:2" ht="13.5" customHeight="1">
      <c r="B251" s="65"/>
    </row>
    <row r="252" spans="2:2" ht="13.5" customHeight="1">
      <c r="B252" s="65"/>
    </row>
    <row r="253" spans="2:2" ht="13.5" customHeight="1">
      <c r="B253" s="65"/>
    </row>
    <row r="254" spans="2:2" ht="13.5" customHeight="1">
      <c r="B254" s="65"/>
    </row>
    <row r="255" spans="2:2" ht="13.5" customHeight="1">
      <c r="B255" s="65"/>
    </row>
    <row r="256" spans="2:2" ht="13.5" customHeight="1">
      <c r="B256" s="65"/>
    </row>
    <row r="257" spans="2:2" ht="13.5" customHeight="1">
      <c r="B257" s="65"/>
    </row>
    <row r="258" spans="2:2" ht="13.5" customHeight="1">
      <c r="B258" s="65"/>
    </row>
    <row r="259" spans="2:2" ht="13.5" customHeight="1">
      <c r="B259" s="65"/>
    </row>
    <row r="260" spans="2:2" ht="13.5" customHeight="1">
      <c r="B260" s="65"/>
    </row>
    <row r="261" spans="2:2" ht="13.5" customHeight="1">
      <c r="B261" s="65"/>
    </row>
    <row r="262" spans="2:2" ht="13.5" customHeight="1">
      <c r="B262" s="65"/>
    </row>
    <row r="263" spans="2:2" ht="13.5" customHeight="1">
      <c r="B263" s="65"/>
    </row>
    <row r="264" spans="2:2" ht="13.5" customHeight="1">
      <c r="B264" s="65"/>
    </row>
    <row r="265" spans="2:2" ht="13.5" customHeight="1">
      <c r="B265" s="65"/>
    </row>
    <row r="266" spans="2:2" ht="13.5" customHeight="1">
      <c r="B266" s="65"/>
    </row>
    <row r="267" spans="2:2" ht="13.5" customHeight="1">
      <c r="B267" s="65"/>
    </row>
    <row r="268" spans="2:2" ht="13.5" customHeight="1">
      <c r="B268" s="65"/>
    </row>
    <row r="269" spans="2:2" ht="13.5" customHeight="1">
      <c r="B269" s="65"/>
    </row>
    <row r="270" spans="2:2" ht="13.5" customHeight="1">
      <c r="B270" s="65"/>
    </row>
    <row r="271" spans="2:2" ht="13.5" customHeight="1">
      <c r="B271" s="65"/>
    </row>
    <row r="272" spans="2:2" ht="13.5" customHeight="1">
      <c r="B272" s="65"/>
    </row>
    <row r="273" spans="2:2" ht="13.5" customHeight="1">
      <c r="B273" s="65"/>
    </row>
    <row r="274" spans="2:2" ht="13.5" customHeight="1">
      <c r="B274" s="65"/>
    </row>
    <row r="275" spans="2:2" ht="13.5" customHeight="1">
      <c r="B275" s="65"/>
    </row>
    <row r="276" spans="2:2" ht="13.5" customHeight="1">
      <c r="B276" s="65"/>
    </row>
    <row r="277" spans="2:2" ht="13.5" customHeight="1">
      <c r="B277" s="65"/>
    </row>
    <row r="278" spans="2:2" ht="13.5" customHeight="1">
      <c r="B278" s="65"/>
    </row>
    <row r="279" spans="2:2" ht="13.5" customHeight="1">
      <c r="B279" s="65"/>
    </row>
    <row r="280" spans="2:2" ht="13.5" customHeight="1">
      <c r="B280" s="65"/>
    </row>
    <row r="281" spans="2:2" ht="13.5" customHeight="1">
      <c r="B281" s="65"/>
    </row>
    <row r="282" spans="2:2" ht="13.5" customHeight="1">
      <c r="B282" s="65"/>
    </row>
    <row r="283" spans="2:2" ht="13.5" customHeight="1">
      <c r="B283" s="65"/>
    </row>
    <row r="284" spans="2:2" ht="13.5" customHeight="1">
      <c r="B284" s="65"/>
    </row>
    <row r="285" spans="2:2" ht="13.5" customHeight="1">
      <c r="B285" s="65"/>
    </row>
    <row r="286" spans="2:2" ht="13.5" customHeight="1">
      <c r="B286" s="65"/>
    </row>
    <row r="287" spans="2:2" ht="13.5" customHeight="1">
      <c r="B287" s="65"/>
    </row>
    <row r="288" spans="2:2" ht="13.5" customHeight="1">
      <c r="B288" s="65"/>
    </row>
    <row r="289" spans="2:2" ht="13.5" customHeight="1">
      <c r="B289" s="65"/>
    </row>
    <row r="290" spans="2:2" ht="13.5" customHeight="1">
      <c r="B290" s="65"/>
    </row>
    <row r="291" spans="2:2" ht="13.5" customHeight="1">
      <c r="B291" s="65"/>
    </row>
    <row r="292" spans="2:2" ht="13.5" customHeight="1">
      <c r="B292" s="65"/>
    </row>
    <row r="293" spans="2:2" ht="13.5" customHeight="1">
      <c r="B293" s="65"/>
    </row>
    <row r="294" spans="2:2" ht="13.5" customHeight="1">
      <c r="B294" s="65"/>
    </row>
    <row r="295" spans="2:2" ht="13.5" customHeight="1">
      <c r="B295" s="65"/>
    </row>
    <row r="296" spans="2:2" ht="13.5" customHeight="1">
      <c r="B296" s="65"/>
    </row>
    <row r="297" spans="2:2" ht="13.5" customHeight="1">
      <c r="B297" s="65"/>
    </row>
    <row r="298" spans="2:2" ht="13.5" customHeight="1">
      <c r="B298" s="65"/>
    </row>
    <row r="299" spans="2:2" ht="13.5" customHeight="1">
      <c r="B299" s="65"/>
    </row>
    <row r="300" spans="2:2" ht="13.5" customHeight="1">
      <c r="B300" s="65"/>
    </row>
    <row r="301" spans="2:2" ht="13.5" customHeight="1">
      <c r="B301" s="65"/>
    </row>
    <row r="302" spans="2:2" ht="13.5" customHeight="1">
      <c r="B302" s="65"/>
    </row>
    <row r="303" spans="2:2" ht="13.5" customHeight="1">
      <c r="B303" s="65"/>
    </row>
    <row r="304" spans="2:2" ht="13.5" customHeight="1">
      <c r="B304" s="65"/>
    </row>
    <row r="305" spans="2:2" ht="13.5" customHeight="1">
      <c r="B305" s="65"/>
    </row>
    <row r="306" spans="2:2" ht="13.5" customHeight="1">
      <c r="B306" s="65"/>
    </row>
    <row r="307" spans="2:2" ht="13.5" customHeight="1">
      <c r="B307" s="65"/>
    </row>
    <row r="308" spans="2:2" ht="13.5" customHeight="1">
      <c r="B308" s="65"/>
    </row>
    <row r="309" spans="2:2" ht="13.5" customHeight="1">
      <c r="B309" s="65"/>
    </row>
    <row r="310" spans="2:2" ht="13.5" customHeight="1">
      <c r="B310" s="65"/>
    </row>
    <row r="311" spans="2:2" ht="13.5" customHeight="1">
      <c r="B311" s="65"/>
    </row>
    <row r="312" spans="2:2" ht="13.5" customHeight="1">
      <c r="B312" s="65"/>
    </row>
    <row r="313" spans="2:2" ht="13.5" customHeight="1">
      <c r="B313" s="65"/>
    </row>
    <row r="314" spans="2:2" ht="13.5" customHeight="1">
      <c r="B314" s="65"/>
    </row>
    <row r="315" spans="2:2" ht="13.5" customHeight="1">
      <c r="B315" s="65"/>
    </row>
    <row r="316" spans="2:2" ht="13.5" customHeight="1">
      <c r="B316" s="65"/>
    </row>
    <row r="317" spans="2:2" ht="13.5" customHeight="1">
      <c r="B317" s="65"/>
    </row>
    <row r="318" spans="2:2" ht="13.5" customHeight="1">
      <c r="B318" s="65"/>
    </row>
    <row r="319" spans="2:2" ht="13.5" customHeight="1">
      <c r="B319" s="65"/>
    </row>
    <row r="320" spans="2:2" ht="13.5" customHeight="1">
      <c r="B320" s="65"/>
    </row>
    <row r="321" spans="2:2" ht="13.5" customHeight="1">
      <c r="B321" s="65"/>
    </row>
    <row r="322" spans="2:2" ht="13.5" customHeight="1">
      <c r="B322" s="65"/>
    </row>
    <row r="323" spans="2:2" ht="13.5" customHeight="1">
      <c r="B323" s="65"/>
    </row>
    <row r="324" spans="2:2" ht="13.5" customHeight="1">
      <c r="B324" s="65"/>
    </row>
    <row r="325" spans="2:2" ht="13.5" customHeight="1">
      <c r="B325" s="65"/>
    </row>
    <row r="326" spans="2:2" ht="13.5" customHeight="1">
      <c r="B326" s="65"/>
    </row>
    <row r="327" spans="2:2" ht="13.5" customHeight="1">
      <c r="B327" s="65"/>
    </row>
    <row r="328" spans="2:2" ht="13.5" customHeight="1">
      <c r="B328" s="65"/>
    </row>
    <row r="329" spans="2:2" ht="13.5" customHeight="1">
      <c r="B329" s="65"/>
    </row>
    <row r="330" spans="2:2" ht="13.5" customHeight="1">
      <c r="B330" s="65"/>
    </row>
    <row r="331" spans="2:2" ht="13.5" customHeight="1">
      <c r="B331" s="65"/>
    </row>
    <row r="332" spans="2:2" ht="13.5" customHeight="1">
      <c r="B332" s="65"/>
    </row>
    <row r="333" spans="2:2" ht="13.5" customHeight="1">
      <c r="B333" s="65"/>
    </row>
    <row r="334" spans="2:2" ht="13.5" customHeight="1">
      <c r="B334" s="65"/>
    </row>
    <row r="335" spans="2:2" ht="13.5" customHeight="1">
      <c r="B335" s="65"/>
    </row>
    <row r="336" spans="2:2" ht="13.5" customHeight="1">
      <c r="B336" s="65"/>
    </row>
    <row r="337" spans="2:2" ht="13.5" customHeight="1">
      <c r="B337" s="65"/>
    </row>
    <row r="338" spans="2:2" ht="13.5" customHeight="1">
      <c r="B338" s="65"/>
    </row>
    <row r="339" spans="2:2" ht="13.5" customHeight="1">
      <c r="B339" s="65"/>
    </row>
    <row r="340" spans="2:2" ht="13.5" customHeight="1">
      <c r="B340" s="65"/>
    </row>
    <row r="341" spans="2:2" ht="13.5" customHeight="1">
      <c r="B341" s="65"/>
    </row>
    <row r="342" spans="2:2" ht="13.5" customHeight="1">
      <c r="B342" s="65"/>
    </row>
    <row r="343" spans="2:2" ht="13.5" customHeight="1">
      <c r="B343" s="65"/>
    </row>
    <row r="344" spans="2:2" ht="13.5" customHeight="1">
      <c r="B344" s="65"/>
    </row>
    <row r="345" spans="2:2" ht="13.5" customHeight="1">
      <c r="B345" s="65"/>
    </row>
    <row r="346" spans="2:2" ht="13.5" customHeight="1">
      <c r="B346" s="65"/>
    </row>
    <row r="347" spans="2:2" ht="13.5" customHeight="1">
      <c r="B347" s="65"/>
    </row>
    <row r="348" spans="2:2" ht="13.5" customHeight="1">
      <c r="B348" s="65"/>
    </row>
    <row r="349" spans="2:2" ht="13.5" customHeight="1">
      <c r="B349" s="65"/>
    </row>
    <row r="350" spans="2:2" ht="13.5" customHeight="1">
      <c r="B350" s="65"/>
    </row>
    <row r="351" spans="2:2" ht="13.5" customHeight="1">
      <c r="B351" s="65"/>
    </row>
    <row r="352" spans="2:2" ht="13.5" customHeight="1">
      <c r="B352" s="65"/>
    </row>
    <row r="353" spans="2:2" ht="13.5" customHeight="1">
      <c r="B353" s="65"/>
    </row>
    <row r="354" spans="2:2" ht="13.5" customHeight="1">
      <c r="B354" s="65"/>
    </row>
    <row r="355" spans="2:2" ht="13.5" customHeight="1">
      <c r="B355" s="65"/>
    </row>
    <row r="356" spans="2:2" ht="13.5" customHeight="1">
      <c r="B356" s="65"/>
    </row>
    <row r="357" spans="2:2" ht="13.5" customHeight="1">
      <c r="B357" s="65"/>
    </row>
    <row r="358" spans="2:2" ht="13.5" customHeight="1">
      <c r="B358" s="65"/>
    </row>
    <row r="359" spans="2:2" ht="13.5" customHeight="1">
      <c r="B359" s="65"/>
    </row>
    <row r="360" spans="2:2" ht="13.5" customHeight="1">
      <c r="B360" s="65"/>
    </row>
    <row r="361" spans="2:2" ht="13.5" customHeight="1">
      <c r="B361" s="65"/>
    </row>
    <row r="362" spans="2:2" ht="13.5" customHeight="1">
      <c r="B362" s="65"/>
    </row>
    <row r="363" spans="2:2" ht="13.5" customHeight="1">
      <c r="B363" s="65"/>
    </row>
    <row r="364" spans="2:2" ht="13.5" customHeight="1">
      <c r="B364" s="65"/>
    </row>
    <row r="365" spans="2:2" ht="13.5" customHeight="1">
      <c r="B365" s="65"/>
    </row>
    <row r="366" spans="2:2" ht="13.5" customHeight="1">
      <c r="B366" s="65"/>
    </row>
    <row r="367" spans="2:2" ht="13.5" customHeight="1">
      <c r="B367" s="65"/>
    </row>
    <row r="368" spans="2:2" ht="13.5" customHeight="1">
      <c r="B368" s="65"/>
    </row>
    <row r="369" spans="2:2" ht="13.5" customHeight="1">
      <c r="B369" s="65"/>
    </row>
    <row r="370" spans="2:2" ht="13.5" customHeight="1">
      <c r="B370" s="65"/>
    </row>
    <row r="371" spans="2:2" ht="13.5" customHeight="1">
      <c r="B371" s="65"/>
    </row>
    <row r="372" spans="2:2" ht="13.5" customHeight="1">
      <c r="B372" s="65"/>
    </row>
    <row r="373" spans="2:2" ht="13.5" customHeight="1">
      <c r="B373" s="65"/>
    </row>
    <row r="374" spans="2:2" ht="13.5" customHeight="1">
      <c r="B374" s="65"/>
    </row>
    <row r="375" spans="2:2" ht="13.5" customHeight="1">
      <c r="B375" s="65"/>
    </row>
    <row r="376" spans="2:2" ht="13.5" customHeight="1">
      <c r="B376" s="65"/>
    </row>
    <row r="377" spans="2:2" ht="13.5" customHeight="1">
      <c r="B377" s="65"/>
    </row>
    <row r="378" spans="2:2" ht="13.5" customHeight="1">
      <c r="B378" s="65"/>
    </row>
    <row r="379" spans="2:2" ht="13.5" customHeight="1">
      <c r="B379" s="65"/>
    </row>
    <row r="380" spans="2:2" ht="13.5" customHeight="1">
      <c r="B380" s="65"/>
    </row>
    <row r="381" spans="2:2" ht="13.5" customHeight="1">
      <c r="B381" s="65"/>
    </row>
    <row r="382" spans="2:2" ht="13.5" customHeight="1">
      <c r="B382" s="65"/>
    </row>
    <row r="383" spans="2:2" ht="13.5" customHeight="1">
      <c r="B383" s="65"/>
    </row>
    <row r="384" spans="2:2" ht="13.5" customHeight="1">
      <c r="B384" s="65"/>
    </row>
    <row r="385" spans="2:2" ht="13.5" customHeight="1">
      <c r="B385" s="65"/>
    </row>
    <row r="386" spans="2:2" ht="13.5" customHeight="1">
      <c r="B386" s="65"/>
    </row>
    <row r="387" spans="2:2" ht="13.5" customHeight="1">
      <c r="B387" s="65"/>
    </row>
    <row r="388" spans="2:2" ht="13.5" customHeight="1">
      <c r="B388" s="65"/>
    </row>
    <row r="389" spans="2:2" ht="13.5" customHeight="1">
      <c r="B389" s="65"/>
    </row>
    <row r="390" spans="2:2" ht="13.5" customHeight="1">
      <c r="B390" s="65"/>
    </row>
    <row r="391" spans="2:2" ht="13.5" customHeight="1">
      <c r="B391" s="65"/>
    </row>
    <row r="392" spans="2:2" ht="13.5" customHeight="1">
      <c r="B392" s="65"/>
    </row>
    <row r="393" spans="2:2" ht="13.5" customHeight="1">
      <c r="B393" s="65"/>
    </row>
    <row r="394" spans="2:2" ht="13.5" customHeight="1">
      <c r="B394" s="65"/>
    </row>
    <row r="395" spans="2:2" ht="13.5" customHeight="1">
      <c r="B395" s="65"/>
    </row>
    <row r="396" spans="2:2" ht="13.5" customHeight="1">
      <c r="B396" s="65"/>
    </row>
    <row r="397" spans="2:2" ht="13.5" customHeight="1">
      <c r="B397" s="65"/>
    </row>
    <row r="398" spans="2:2" ht="13.5" customHeight="1">
      <c r="B398" s="65"/>
    </row>
    <row r="399" spans="2:2" ht="13.5" customHeight="1">
      <c r="B399" s="65"/>
    </row>
    <row r="400" spans="2:2" ht="13.5" customHeight="1">
      <c r="B400" s="65"/>
    </row>
    <row r="401" spans="2:2" ht="13.5" customHeight="1">
      <c r="B401" s="65"/>
    </row>
    <row r="402" spans="2:2" ht="13.5" customHeight="1">
      <c r="B402" s="65"/>
    </row>
    <row r="403" spans="2:2" ht="13.5" customHeight="1">
      <c r="B403" s="65"/>
    </row>
    <row r="404" spans="2:2" ht="13.5" customHeight="1">
      <c r="B404" s="65"/>
    </row>
    <row r="405" spans="2:2" ht="13.5" customHeight="1">
      <c r="B405" s="65"/>
    </row>
    <row r="406" spans="2:2" ht="13.5" customHeight="1">
      <c r="B406" s="65"/>
    </row>
    <row r="407" spans="2:2" ht="13.5" customHeight="1">
      <c r="B407" s="65"/>
    </row>
    <row r="408" spans="2:2" ht="13.5" customHeight="1">
      <c r="B408" s="65"/>
    </row>
    <row r="409" spans="2:2" ht="13.5" customHeight="1">
      <c r="B409" s="65"/>
    </row>
    <row r="410" spans="2:2" ht="13.5" customHeight="1">
      <c r="B410" s="65"/>
    </row>
    <row r="411" spans="2:2" ht="13.5" customHeight="1">
      <c r="B411" s="65"/>
    </row>
    <row r="412" spans="2:2" ht="13.5" customHeight="1">
      <c r="B412" s="65"/>
    </row>
    <row r="413" spans="2:2" ht="13.5" customHeight="1">
      <c r="B413" s="65"/>
    </row>
    <row r="414" spans="2:2" ht="13.5" customHeight="1">
      <c r="B414" s="65"/>
    </row>
    <row r="415" spans="2:2" ht="13.5" customHeight="1">
      <c r="B415" s="65"/>
    </row>
    <row r="416" spans="2:2" ht="13.5" customHeight="1">
      <c r="B416" s="65"/>
    </row>
    <row r="417" spans="2:2" ht="13.5" customHeight="1">
      <c r="B417" s="65"/>
    </row>
    <row r="418" spans="2:2" ht="13.5" customHeight="1">
      <c r="B418" s="65"/>
    </row>
    <row r="419" spans="2:2" ht="13.5" customHeight="1">
      <c r="B419" s="65"/>
    </row>
    <row r="420" spans="2:2" ht="13.5" customHeight="1">
      <c r="B420" s="65"/>
    </row>
    <row r="421" spans="2:2" ht="13.5" customHeight="1">
      <c r="B421" s="65"/>
    </row>
    <row r="422" spans="2:2" ht="13.5" customHeight="1">
      <c r="B422" s="65"/>
    </row>
    <row r="423" spans="2:2" ht="13.5" customHeight="1">
      <c r="B423" s="65"/>
    </row>
    <row r="424" spans="2:2" ht="13.5" customHeight="1">
      <c r="B424" s="65"/>
    </row>
    <row r="425" spans="2:2" ht="13.5" customHeight="1">
      <c r="B425" s="65"/>
    </row>
    <row r="426" spans="2:2" ht="13.5" customHeight="1">
      <c r="B426" s="65"/>
    </row>
    <row r="427" spans="2:2" ht="13.5" customHeight="1">
      <c r="B427" s="65"/>
    </row>
    <row r="428" spans="2:2" ht="13.5" customHeight="1">
      <c r="B428" s="65"/>
    </row>
    <row r="429" spans="2:2" ht="13.5" customHeight="1">
      <c r="B429" s="65"/>
    </row>
    <row r="430" spans="2:2" ht="13.5" customHeight="1">
      <c r="B430" s="65"/>
    </row>
    <row r="431" spans="2:2" ht="13.5" customHeight="1">
      <c r="B431" s="65"/>
    </row>
    <row r="432" spans="2:2" ht="13.5" customHeight="1">
      <c r="B432" s="65"/>
    </row>
    <row r="433" spans="2:2" ht="13.5" customHeight="1">
      <c r="B433" s="65"/>
    </row>
    <row r="434" spans="2:2" ht="13.5" customHeight="1">
      <c r="B434" s="65"/>
    </row>
    <row r="435" spans="2:2" ht="13.5" customHeight="1">
      <c r="B435" s="65"/>
    </row>
    <row r="436" spans="2:2" ht="13.5" customHeight="1">
      <c r="B436" s="65"/>
    </row>
    <row r="437" spans="2:2" ht="13.5" customHeight="1">
      <c r="B437" s="65"/>
    </row>
    <row r="438" spans="2:2" ht="13.5" customHeight="1">
      <c r="B438" s="65"/>
    </row>
    <row r="439" spans="2:2" ht="13.5" customHeight="1">
      <c r="B439" s="65"/>
    </row>
    <row r="440" spans="2:2" ht="13.5" customHeight="1">
      <c r="B440" s="65"/>
    </row>
    <row r="441" spans="2:2" ht="13.5" customHeight="1">
      <c r="B441" s="65"/>
    </row>
    <row r="442" spans="2:2" ht="13.5" customHeight="1">
      <c r="B442" s="65"/>
    </row>
    <row r="443" spans="2:2" ht="13.5" customHeight="1">
      <c r="B443" s="65"/>
    </row>
    <row r="444" spans="2:2" ht="13.5" customHeight="1">
      <c r="B444" s="65"/>
    </row>
    <row r="445" spans="2:2" ht="13.5" customHeight="1">
      <c r="B445" s="65"/>
    </row>
    <row r="446" spans="2:2" ht="13.5" customHeight="1">
      <c r="B446" s="65"/>
    </row>
    <row r="447" spans="2:2" ht="13.5" customHeight="1">
      <c r="B447" s="65"/>
    </row>
    <row r="448" spans="2:2" ht="13.5" customHeight="1">
      <c r="B448" s="65"/>
    </row>
    <row r="449" spans="2:2" ht="13.5" customHeight="1">
      <c r="B449" s="65"/>
    </row>
    <row r="450" spans="2:2" ht="13.5" customHeight="1">
      <c r="B450" s="65"/>
    </row>
    <row r="451" spans="2:2" ht="13.5" customHeight="1">
      <c r="B451" s="65"/>
    </row>
    <row r="452" spans="2:2" ht="13.5" customHeight="1">
      <c r="B452" s="65"/>
    </row>
    <row r="453" spans="2:2" ht="13.5" customHeight="1">
      <c r="B453" s="65"/>
    </row>
    <row r="454" spans="2:2" ht="13.5" customHeight="1">
      <c r="B454" s="65"/>
    </row>
    <row r="455" spans="2:2" ht="13.5" customHeight="1">
      <c r="B455" s="65"/>
    </row>
    <row r="456" spans="2:2" ht="13.5" customHeight="1">
      <c r="B456" s="65"/>
    </row>
    <row r="457" spans="2:2" ht="13.5" customHeight="1">
      <c r="B457" s="65"/>
    </row>
    <row r="458" spans="2:2" ht="13.5" customHeight="1">
      <c r="B458" s="65"/>
    </row>
    <row r="459" spans="2:2" ht="13.5" customHeight="1">
      <c r="B459" s="65"/>
    </row>
    <row r="460" spans="2:2" ht="13.5" customHeight="1">
      <c r="B460" s="65"/>
    </row>
    <row r="461" spans="2:2" ht="13.5" customHeight="1">
      <c r="B461" s="65"/>
    </row>
    <row r="462" spans="2:2" ht="13.5" customHeight="1">
      <c r="B462" s="65"/>
    </row>
    <row r="463" spans="2:2" ht="13.5" customHeight="1">
      <c r="B463" s="65"/>
    </row>
    <row r="464" spans="2:2" ht="13.5" customHeight="1">
      <c r="B464" s="65"/>
    </row>
    <row r="465" spans="2:2" ht="13.5" customHeight="1">
      <c r="B465" s="65"/>
    </row>
    <row r="466" spans="2:2" ht="13.5" customHeight="1">
      <c r="B466" s="65"/>
    </row>
    <row r="467" spans="2:2" ht="13.5" customHeight="1">
      <c r="B467" s="65"/>
    </row>
    <row r="468" spans="2:2" ht="13.5" customHeight="1">
      <c r="B468" s="65"/>
    </row>
    <row r="469" spans="2:2" ht="13.5" customHeight="1">
      <c r="B469" s="65"/>
    </row>
    <row r="470" spans="2:2" ht="13.5" customHeight="1">
      <c r="B470" s="65"/>
    </row>
    <row r="471" spans="2:2" ht="13.5" customHeight="1">
      <c r="B471" s="65"/>
    </row>
    <row r="472" spans="2:2" ht="13.5" customHeight="1">
      <c r="B472" s="65"/>
    </row>
    <row r="473" spans="2:2" ht="13.5" customHeight="1">
      <c r="B473" s="65"/>
    </row>
    <row r="474" spans="2:2" ht="13.5" customHeight="1">
      <c r="B474" s="65"/>
    </row>
    <row r="475" spans="2:2" ht="13.5" customHeight="1">
      <c r="B475" s="65"/>
    </row>
    <row r="476" spans="2:2" ht="13.5" customHeight="1">
      <c r="B476" s="65"/>
    </row>
    <row r="477" spans="2:2" ht="13.5" customHeight="1">
      <c r="B477" s="65"/>
    </row>
    <row r="478" spans="2:2" ht="13.5" customHeight="1">
      <c r="B478" s="65"/>
    </row>
    <row r="479" spans="2:2" ht="13.5" customHeight="1">
      <c r="B479" s="65"/>
    </row>
    <row r="480" spans="2:2" ht="13.5" customHeight="1">
      <c r="B480" s="65"/>
    </row>
    <row r="481" spans="2:2" ht="13.5" customHeight="1">
      <c r="B481" s="65"/>
    </row>
    <row r="482" spans="2:2" ht="13.5" customHeight="1">
      <c r="B482" s="65"/>
    </row>
    <row r="483" spans="2:2" ht="13.5" customHeight="1">
      <c r="B483" s="65"/>
    </row>
    <row r="484" spans="2:2" ht="13.5" customHeight="1">
      <c r="B484" s="65"/>
    </row>
    <row r="485" spans="2:2" ht="13.5" customHeight="1">
      <c r="B485" s="65"/>
    </row>
    <row r="486" spans="2:2" ht="13.5" customHeight="1">
      <c r="B486" s="65"/>
    </row>
    <row r="487" spans="2:2" ht="13.5" customHeight="1">
      <c r="B487" s="65"/>
    </row>
    <row r="488" spans="2:2" ht="13.5" customHeight="1">
      <c r="B488" s="65"/>
    </row>
    <row r="489" spans="2:2" ht="13.5" customHeight="1">
      <c r="B489" s="65"/>
    </row>
    <row r="490" spans="2:2" ht="13.5" customHeight="1">
      <c r="B490" s="65"/>
    </row>
    <row r="491" spans="2:2" ht="13.5" customHeight="1">
      <c r="B491" s="65"/>
    </row>
    <row r="492" spans="2:2" ht="13.5" customHeight="1">
      <c r="B492" s="65"/>
    </row>
    <row r="493" spans="2:2" ht="13.5" customHeight="1">
      <c r="B493" s="65"/>
    </row>
    <row r="494" spans="2:2" ht="13.5" customHeight="1">
      <c r="B494" s="65"/>
    </row>
    <row r="495" spans="2:2" ht="13.5" customHeight="1">
      <c r="B495" s="65"/>
    </row>
    <row r="496" spans="2:2" ht="13.5" customHeight="1">
      <c r="B496" s="65"/>
    </row>
    <row r="497" spans="2:2" ht="13.5" customHeight="1">
      <c r="B497" s="65"/>
    </row>
    <row r="498" spans="2:2" ht="13.5" customHeight="1">
      <c r="B498" s="65"/>
    </row>
    <row r="499" spans="2:2" ht="13.5" customHeight="1">
      <c r="B499" s="65"/>
    </row>
    <row r="500" spans="2:2" ht="13.5" customHeight="1">
      <c r="B500" s="65"/>
    </row>
    <row r="501" spans="2:2" ht="13.5" customHeight="1">
      <c r="B501" s="65"/>
    </row>
    <row r="502" spans="2:2" ht="13.5" customHeight="1">
      <c r="B502" s="65"/>
    </row>
    <row r="503" spans="2:2" ht="13.5" customHeight="1">
      <c r="B503" s="65"/>
    </row>
    <row r="504" spans="2:2" ht="13.5" customHeight="1">
      <c r="B504" s="65"/>
    </row>
    <row r="505" spans="2:2" ht="13.5" customHeight="1">
      <c r="B505" s="65"/>
    </row>
    <row r="506" spans="2:2" ht="13.5" customHeight="1">
      <c r="B506" s="65"/>
    </row>
    <row r="507" spans="2:2" ht="13.5" customHeight="1">
      <c r="B507" s="65"/>
    </row>
    <row r="508" spans="2:2" ht="13.5" customHeight="1">
      <c r="B508" s="65"/>
    </row>
    <row r="509" spans="2:2" ht="13.5" customHeight="1">
      <c r="B509" s="65"/>
    </row>
    <row r="510" spans="2:2" ht="13.5" customHeight="1">
      <c r="B510" s="65"/>
    </row>
    <row r="511" spans="2:2" ht="13.5" customHeight="1">
      <c r="B511" s="65"/>
    </row>
    <row r="512" spans="2:2" ht="13.5" customHeight="1">
      <c r="B512" s="65"/>
    </row>
    <row r="513" spans="2:2" ht="13.5" customHeight="1">
      <c r="B513" s="65"/>
    </row>
    <row r="514" spans="2:2" ht="13.5" customHeight="1">
      <c r="B514" s="65"/>
    </row>
    <row r="515" spans="2:2" ht="13.5" customHeight="1">
      <c r="B515" s="65"/>
    </row>
    <row r="516" spans="2:2" ht="13.5" customHeight="1">
      <c r="B516" s="65"/>
    </row>
    <row r="517" spans="2:2" ht="13.5" customHeight="1">
      <c r="B517" s="65"/>
    </row>
    <row r="518" spans="2:2" ht="13.5" customHeight="1">
      <c r="B518" s="65"/>
    </row>
    <row r="519" spans="2:2" ht="13.5" customHeight="1">
      <c r="B519" s="65"/>
    </row>
    <row r="520" spans="2:2" ht="13.5" customHeight="1">
      <c r="B520" s="65"/>
    </row>
    <row r="521" spans="2:2" ht="13.5" customHeight="1">
      <c r="B521" s="65"/>
    </row>
    <row r="522" spans="2:2" ht="13.5" customHeight="1">
      <c r="B522" s="65"/>
    </row>
    <row r="523" spans="2:2" ht="13.5" customHeight="1">
      <c r="B523" s="65"/>
    </row>
    <row r="524" spans="2:2" ht="13.5" customHeight="1">
      <c r="B524" s="65"/>
    </row>
    <row r="525" spans="2:2" ht="13.5" customHeight="1">
      <c r="B525" s="65"/>
    </row>
    <row r="526" spans="2:2" ht="13.5" customHeight="1">
      <c r="B526" s="65"/>
    </row>
    <row r="527" spans="2:2" ht="13.5" customHeight="1">
      <c r="B527" s="65"/>
    </row>
    <row r="528" spans="2:2" ht="13.5" customHeight="1">
      <c r="B528" s="65"/>
    </row>
    <row r="529" spans="2:2" ht="13.5" customHeight="1">
      <c r="B529" s="65"/>
    </row>
    <row r="530" spans="2:2" ht="13.5" customHeight="1">
      <c r="B530" s="65"/>
    </row>
    <row r="531" spans="2:2" ht="13.5" customHeight="1">
      <c r="B531" s="65"/>
    </row>
    <row r="532" spans="2:2" ht="13.5" customHeight="1">
      <c r="B532" s="65"/>
    </row>
    <row r="533" spans="2:2" ht="13.5" customHeight="1">
      <c r="B533" s="65"/>
    </row>
    <row r="534" spans="2:2" ht="13.5" customHeight="1">
      <c r="B534" s="65"/>
    </row>
    <row r="535" spans="2:2" ht="13.5" customHeight="1">
      <c r="B535" s="65"/>
    </row>
    <row r="536" spans="2:2" ht="13.5" customHeight="1">
      <c r="B536" s="65"/>
    </row>
    <row r="537" spans="2:2" ht="13.5" customHeight="1">
      <c r="B537" s="65"/>
    </row>
    <row r="538" spans="2:2" ht="13.5" customHeight="1">
      <c r="B538" s="65"/>
    </row>
    <row r="539" spans="2:2" ht="13.5" customHeight="1">
      <c r="B539" s="65"/>
    </row>
    <row r="540" spans="2:2" ht="13.5" customHeight="1">
      <c r="B540" s="65"/>
    </row>
    <row r="541" spans="2:2" ht="13.5" customHeight="1">
      <c r="B541" s="65"/>
    </row>
    <row r="542" spans="2:2" ht="13.5" customHeight="1">
      <c r="B542" s="65"/>
    </row>
    <row r="543" spans="2:2" ht="13.5" customHeight="1">
      <c r="B543" s="65"/>
    </row>
    <row r="544" spans="2:2" ht="13.5" customHeight="1">
      <c r="B544" s="65"/>
    </row>
    <row r="545" spans="2:2" ht="13.5" customHeight="1">
      <c r="B545" s="65"/>
    </row>
    <row r="546" spans="2:2" ht="13.5" customHeight="1">
      <c r="B546" s="65"/>
    </row>
    <row r="547" spans="2:2" ht="13.5" customHeight="1">
      <c r="B547" s="65"/>
    </row>
    <row r="548" spans="2:2" ht="13.5" customHeight="1">
      <c r="B548" s="65"/>
    </row>
    <row r="549" spans="2:2" ht="13.5" customHeight="1">
      <c r="B549" s="65"/>
    </row>
    <row r="550" spans="2:2" ht="13.5" customHeight="1">
      <c r="B550" s="65"/>
    </row>
    <row r="551" spans="2:2" ht="13.5" customHeight="1">
      <c r="B551" s="65"/>
    </row>
    <row r="552" spans="2:2" ht="13.5" customHeight="1">
      <c r="B552" s="65"/>
    </row>
    <row r="553" spans="2:2" ht="13.5" customHeight="1">
      <c r="B553" s="65"/>
    </row>
    <row r="554" spans="2:2" ht="13.5" customHeight="1">
      <c r="B554" s="65"/>
    </row>
    <row r="555" spans="2:2" ht="13.5" customHeight="1">
      <c r="B555" s="65"/>
    </row>
    <row r="556" spans="2:2" ht="13.5" customHeight="1">
      <c r="B556" s="65"/>
    </row>
    <row r="557" spans="2:2" ht="13.5" customHeight="1">
      <c r="B557" s="65"/>
    </row>
    <row r="558" spans="2:2" ht="13.5" customHeight="1">
      <c r="B558" s="65"/>
    </row>
    <row r="559" spans="2:2" ht="13.5" customHeight="1">
      <c r="B559" s="65"/>
    </row>
    <row r="560" spans="2:2" ht="13.5" customHeight="1">
      <c r="B560" s="65"/>
    </row>
    <row r="561" spans="2:2" ht="13.5" customHeight="1">
      <c r="B561" s="65"/>
    </row>
    <row r="562" spans="2:2" ht="13.5" customHeight="1">
      <c r="B562" s="65"/>
    </row>
    <row r="563" spans="2:2" ht="13.5" customHeight="1">
      <c r="B563" s="65"/>
    </row>
    <row r="564" spans="2:2" ht="13.5" customHeight="1">
      <c r="B564" s="65"/>
    </row>
    <row r="565" spans="2:2" ht="13.5" customHeight="1">
      <c r="B565" s="65"/>
    </row>
    <row r="566" spans="2:2" ht="13.5" customHeight="1">
      <c r="B566" s="65"/>
    </row>
    <row r="567" spans="2:2" ht="13.5" customHeight="1">
      <c r="B567" s="65"/>
    </row>
    <row r="568" spans="2:2" ht="13.5" customHeight="1">
      <c r="B568" s="65"/>
    </row>
    <row r="569" spans="2:2" ht="13.5" customHeight="1">
      <c r="B569" s="65"/>
    </row>
    <row r="570" spans="2:2" ht="13.5" customHeight="1">
      <c r="B570" s="65"/>
    </row>
    <row r="571" spans="2:2" ht="13.5" customHeight="1">
      <c r="B571" s="65"/>
    </row>
    <row r="572" spans="2:2" ht="13.5" customHeight="1">
      <c r="B572" s="65"/>
    </row>
    <row r="573" spans="2:2" ht="13.5" customHeight="1">
      <c r="B573" s="65"/>
    </row>
    <row r="574" spans="2:2" ht="13.5" customHeight="1">
      <c r="B574" s="65"/>
    </row>
    <row r="575" spans="2:2" ht="13.5" customHeight="1">
      <c r="B575" s="65"/>
    </row>
    <row r="576" spans="2:2" ht="13.5" customHeight="1">
      <c r="B576" s="65"/>
    </row>
    <row r="577" spans="2:2" ht="13.5" customHeight="1">
      <c r="B577" s="65"/>
    </row>
    <row r="578" spans="2:2" ht="13.5" customHeight="1">
      <c r="B578" s="65"/>
    </row>
    <row r="579" spans="2:2" ht="13.5" customHeight="1">
      <c r="B579" s="65"/>
    </row>
    <row r="580" spans="2:2" ht="13.5" customHeight="1">
      <c r="B580" s="65"/>
    </row>
    <row r="581" spans="2:2" ht="13.5" customHeight="1">
      <c r="B581" s="65"/>
    </row>
    <row r="582" spans="2:2" ht="13.5" customHeight="1">
      <c r="B582" s="65"/>
    </row>
    <row r="583" spans="2:2" ht="13.5" customHeight="1">
      <c r="B583" s="65"/>
    </row>
    <row r="584" spans="2:2" ht="13.5" customHeight="1">
      <c r="B584" s="65"/>
    </row>
    <row r="585" spans="2:2" ht="13.5" customHeight="1">
      <c r="B585" s="65"/>
    </row>
    <row r="586" spans="2:2" ht="13.5" customHeight="1">
      <c r="B586" s="65"/>
    </row>
    <row r="587" spans="2:2" ht="13.5" customHeight="1">
      <c r="B587" s="65"/>
    </row>
    <row r="588" spans="2:2" ht="13.5" customHeight="1">
      <c r="B588" s="65"/>
    </row>
    <row r="589" spans="2:2" ht="13.5" customHeight="1">
      <c r="B589" s="65"/>
    </row>
    <row r="590" spans="2:2" ht="13.5" customHeight="1">
      <c r="B590" s="65"/>
    </row>
    <row r="591" spans="2:2" ht="13.5" customHeight="1">
      <c r="B591" s="65"/>
    </row>
    <row r="592" spans="2:2" ht="13.5" customHeight="1">
      <c r="B592" s="65"/>
    </row>
    <row r="593" spans="2:2" ht="13.5" customHeight="1">
      <c r="B593" s="65"/>
    </row>
    <row r="594" spans="2:2" ht="13.5" customHeight="1">
      <c r="B594" s="65"/>
    </row>
    <row r="595" spans="2:2" ht="13.5" customHeight="1">
      <c r="B595" s="65"/>
    </row>
    <row r="596" spans="2:2" ht="13.5" customHeight="1">
      <c r="B596" s="65"/>
    </row>
    <row r="597" spans="2:2" ht="13.5" customHeight="1">
      <c r="B597" s="65"/>
    </row>
    <row r="598" spans="2:2" ht="13.5" customHeight="1">
      <c r="B598" s="65"/>
    </row>
    <row r="599" spans="2:2" ht="13.5" customHeight="1">
      <c r="B599" s="65"/>
    </row>
    <row r="600" spans="2:2" ht="13.5" customHeight="1">
      <c r="B600" s="65"/>
    </row>
    <row r="601" spans="2:2" ht="13.5" customHeight="1">
      <c r="B601" s="65"/>
    </row>
    <row r="602" spans="2:2" ht="13.5" customHeight="1">
      <c r="B602" s="65"/>
    </row>
    <row r="603" spans="2:2" ht="13.5" customHeight="1">
      <c r="B603" s="65"/>
    </row>
    <row r="604" spans="2:2" ht="13.5" customHeight="1">
      <c r="B604" s="65"/>
    </row>
    <row r="605" spans="2:2" ht="13.5" customHeight="1">
      <c r="B605" s="65"/>
    </row>
    <row r="606" spans="2:2" ht="13.5" customHeight="1">
      <c r="B606" s="65"/>
    </row>
    <row r="607" spans="2:2" ht="13.5" customHeight="1">
      <c r="B607" s="65"/>
    </row>
    <row r="608" spans="2:2" ht="13.5" customHeight="1">
      <c r="B608" s="65"/>
    </row>
    <row r="609" spans="2:2" ht="13.5" customHeight="1">
      <c r="B609" s="65"/>
    </row>
    <row r="610" spans="2:2" ht="13.5" customHeight="1">
      <c r="B610" s="65"/>
    </row>
    <row r="611" spans="2:2" ht="13.5" customHeight="1">
      <c r="B611" s="65"/>
    </row>
    <row r="612" spans="2:2" ht="13.5" customHeight="1">
      <c r="B612" s="65"/>
    </row>
    <row r="613" spans="2:2" ht="13.5" customHeight="1">
      <c r="B613" s="65"/>
    </row>
    <row r="614" spans="2:2" ht="13.5" customHeight="1">
      <c r="B614" s="65"/>
    </row>
    <row r="615" spans="2:2" ht="13.5" customHeight="1">
      <c r="B615" s="65"/>
    </row>
    <row r="616" spans="2:2" ht="13.5" customHeight="1">
      <c r="B616" s="65"/>
    </row>
    <row r="617" spans="2:2" ht="13.5" customHeight="1">
      <c r="B617" s="65"/>
    </row>
    <row r="618" spans="2:2" ht="13.5" customHeight="1">
      <c r="B618" s="65"/>
    </row>
    <row r="619" spans="2:2" ht="13.5" customHeight="1">
      <c r="B619" s="65"/>
    </row>
    <row r="620" spans="2:2" ht="13.5" customHeight="1">
      <c r="B620" s="65"/>
    </row>
    <row r="621" spans="2:2" ht="13.5" customHeight="1">
      <c r="B621" s="65"/>
    </row>
    <row r="622" spans="2:2" ht="13.5" customHeight="1">
      <c r="B622" s="65"/>
    </row>
    <row r="623" spans="2:2" ht="13.5" customHeight="1">
      <c r="B623" s="65"/>
    </row>
    <row r="624" spans="2:2" ht="13.5" customHeight="1">
      <c r="B624" s="65"/>
    </row>
    <row r="625" spans="2:2" ht="13.5" customHeight="1">
      <c r="B625" s="65"/>
    </row>
    <row r="626" spans="2:2" ht="13.5" customHeight="1">
      <c r="B626" s="65"/>
    </row>
    <row r="627" spans="2:2" ht="13.5" customHeight="1">
      <c r="B627" s="65"/>
    </row>
    <row r="628" spans="2:2" ht="13.5" customHeight="1">
      <c r="B628" s="65"/>
    </row>
    <row r="629" spans="2:2" ht="13.5" customHeight="1">
      <c r="B629" s="65"/>
    </row>
    <row r="630" spans="2:2" ht="13.5" customHeight="1">
      <c r="B630" s="65"/>
    </row>
    <row r="631" spans="2:2" ht="13.5" customHeight="1">
      <c r="B631" s="65"/>
    </row>
    <row r="632" spans="2:2" ht="13.5" customHeight="1">
      <c r="B632" s="65"/>
    </row>
    <row r="633" spans="2:2" ht="13.5" customHeight="1">
      <c r="B633" s="65"/>
    </row>
    <row r="634" spans="2:2" ht="13.5" customHeight="1">
      <c r="B634" s="65"/>
    </row>
    <row r="635" spans="2:2" ht="13.5" customHeight="1">
      <c r="B635" s="65"/>
    </row>
    <row r="636" spans="2:2" ht="13.5" customHeight="1">
      <c r="B636" s="65"/>
    </row>
    <row r="637" spans="2:2" ht="13.5" customHeight="1">
      <c r="B637" s="65"/>
    </row>
    <row r="638" spans="2:2" ht="13.5" customHeight="1">
      <c r="B638" s="65"/>
    </row>
    <row r="639" spans="2:2" ht="13.5" customHeight="1">
      <c r="B639" s="65"/>
    </row>
    <row r="640" spans="2:2" ht="13.5" customHeight="1">
      <c r="B640" s="65"/>
    </row>
    <row r="641" spans="2:2" ht="13.5" customHeight="1">
      <c r="B641" s="65"/>
    </row>
    <row r="642" spans="2:2" ht="13.5" customHeight="1">
      <c r="B642" s="65"/>
    </row>
    <row r="643" spans="2:2" ht="13.5" customHeight="1">
      <c r="B643" s="65"/>
    </row>
    <row r="644" spans="2:2" ht="13.5" customHeight="1">
      <c r="B644" s="65"/>
    </row>
    <row r="645" spans="2:2" ht="13.5" customHeight="1">
      <c r="B645" s="65"/>
    </row>
    <row r="646" spans="2:2" ht="13.5" customHeight="1">
      <c r="B646" s="65"/>
    </row>
    <row r="647" spans="2:2" ht="13.5" customHeight="1">
      <c r="B647" s="65"/>
    </row>
    <row r="648" spans="2:2" ht="13.5" customHeight="1">
      <c r="B648" s="65"/>
    </row>
    <row r="649" spans="2:2" ht="13.5" customHeight="1">
      <c r="B649" s="65"/>
    </row>
    <row r="650" spans="2:2" ht="13.5" customHeight="1">
      <c r="B650" s="65"/>
    </row>
    <row r="651" spans="2:2" ht="13.5" customHeight="1">
      <c r="B651" s="65"/>
    </row>
    <row r="652" spans="2:2" ht="13.5" customHeight="1">
      <c r="B652" s="65"/>
    </row>
    <row r="653" spans="2:2" ht="13.5" customHeight="1">
      <c r="B653" s="65"/>
    </row>
    <row r="654" spans="2:2" ht="13.5" customHeight="1">
      <c r="B654" s="65"/>
    </row>
    <row r="655" spans="2:2" ht="13.5" customHeight="1">
      <c r="B655" s="65"/>
    </row>
    <row r="656" spans="2:2" ht="13.5" customHeight="1">
      <c r="B656" s="65"/>
    </row>
    <row r="657" spans="2:2" ht="13.5" customHeight="1">
      <c r="B657" s="65"/>
    </row>
    <row r="658" spans="2:2" ht="13.5" customHeight="1">
      <c r="B658" s="65"/>
    </row>
    <row r="659" spans="2:2" ht="13.5" customHeight="1">
      <c r="B659" s="65"/>
    </row>
    <row r="660" spans="2:2" ht="13.5" customHeight="1">
      <c r="B660" s="65"/>
    </row>
    <row r="661" spans="2:2" ht="13.5" customHeight="1">
      <c r="B661" s="65"/>
    </row>
    <row r="662" spans="2:2" ht="13.5" customHeight="1">
      <c r="B662" s="65"/>
    </row>
    <row r="663" spans="2:2" ht="13.5" customHeight="1">
      <c r="B663" s="65"/>
    </row>
    <row r="664" spans="2:2" ht="13.5" customHeight="1">
      <c r="B664" s="65"/>
    </row>
    <row r="665" spans="2:2" ht="13.5" customHeight="1">
      <c r="B665" s="65"/>
    </row>
    <row r="666" spans="2:2" ht="13.5" customHeight="1">
      <c r="B666" s="65"/>
    </row>
    <row r="667" spans="2:2" ht="13.5" customHeight="1">
      <c r="B667" s="65"/>
    </row>
    <row r="668" spans="2:2" ht="13.5" customHeight="1">
      <c r="B668" s="65"/>
    </row>
    <row r="669" spans="2:2" ht="13.5" customHeight="1">
      <c r="B669" s="65"/>
    </row>
    <row r="670" spans="2:2" ht="13.5" customHeight="1">
      <c r="B670" s="65"/>
    </row>
    <row r="671" spans="2:2" ht="13.5" customHeight="1">
      <c r="B671" s="65"/>
    </row>
    <row r="672" spans="2:2" ht="13.5" customHeight="1">
      <c r="B672" s="65"/>
    </row>
    <row r="673" spans="2:2" ht="13.5" customHeight="1">
      <c r="B673" s="65"/>
    </row>
    <row r="674" spans="2:2" ht="13.5" customHeight="1">
      <c r="B674" s="65"/>
    </row>
    <row r="675" spans="2:2" ht="13.5" customHeight="1">
      <c r="B675" s="65"/>
    </row>
    <row r="676" spans="2:2" ht="13.5" customHeight="1">
      <c r="B676" s="65"/>
    </row>
    <row r="677" spans="2:2" ht="13.5" customHeight="1">
      <c r="B677" s="65"/>
    </row>
    <row r="678" spans="2:2" ht="13.5" customHeight="1">
      <c r="B678" s="65"/>
    </row>
    <row r="679" spans="2:2" ht="13.5" customHeight="1">
      <c r="B679" s="65"/>
    </row>
    <row r="680" spans="2:2" ht="13.5" customHeight="1">
      <c r="B680" s="65"/>
    </row>
    <row r="681" spans="2:2" ht="13.5" customHeight="1">
      <c r="B681" s="65"/>
    </row>
    <row r="682" spans="2:2" ht="13.5" customHeight="1">
      <c r="B682" s="65"/>
    </row>
    <row r="683" spans="2:2" ht="13.5" customHeight="1">
      <c r="B683" s="65"/>
    </row>
    <row r="684" spans="2:2" ht="13.5" customHeight="1">
      <c r="B684" s="65"/>
    </row>
    <row r="685" spans="2:2" ht="13.5" customHeight="1">
      <c r="B685" s="65"/>
    </row>
    <row r="686" spans="2:2" ht="13.5" customHeight="1">
      <c r="B686" s="65"/>
    </row>
    <row r="687" spans="2:2" ht="13.5" customHeight="1">
      <c r="B687" s="65"/>
    </row>
    <row r="688" spans="2:2" ht="13.5" customHeight="1">
      <c r="B688" s="65"/>
    </row>
    <row r="689" spans="2:2" ht="13.5" customHeight="1">
      <c r="B689" s="65"/>
    </row>
    <row r="690" spans="2:2" ht="13.5" customHeight="1">
      <c r="B690" s="65"/>
    </row>
    <row r="691" spans="2:2" ht="13.5" customHeight="1">
      <c r="B691" s="65"/>
    </row>
    <row r="692" spans="2:2" ht="13.5" customHeight="1">
      <c r="B692" s="65"/>
    </row>
    <row r="693" spans="2:2" ht="13.5" customHeight="1">
      <c r="B693" s="65"/>
    </row>
    <row r="694" spans="2:2" ht="13.5" customHeight="1">
      <c r="B694" s="65"/>
    </row>
    <row r="695" spans="2:2" ht="13.5" customHeight="1">
      <c r="B695" s="65"/>
    </row>
    <row r="696" spans="2:2" ht="13.5" customHeight="1">
      <c r="B696" s="65"/>
    </row>
    <row r="697" spans="2:2" ht="13.5" customHeight="1">
      <c r="B697" s="65"/>
    </row>
    <row r="698" spans="2:2" ht="13.5" customHeight="1">
      <c r="B698" s="65"/>
    </row>
    <row r="699" spans="2:2" ht="13.5" customHeight="1">
      <c r="B699" s="65"/>
    </row>
    <row r="700" spans="2:2" ht="13.5" customHeight="1">
      <c r="B700" s="65"/>
    </row>
    <row r="701" spans="2:2" ht="13.5" customHeight="1">
      <c r="B701" s="65"/>
    </row>
    <row r="702" spans="2:2" ht="13.5" customHeight="1">
      <c r="B702" s="65"/>
    </row>
    <row r="703" spans="2:2" ht="13.5" customHeight="1">
      <c r="B703" s="65"/>
    </row>
    <row r="704" spans="2:2" ht="13.5" customHeight="1">
      <c r="B704" s="65"/>
    </row>
    <row r="705" spans="2:2" ht="13.5" customHeight="1">
      <c r="B705" s="65"/>
    </row>
    <row r="706" spans="2:2" ht="13.5" customHeight="1">
      <c r="B706" s="65"/>
    </row>
    <row r="707" spans="2:2" ht="13.5" customHeight="1">
      <c r="B707" s="65"/>
    </row>
    <row r="708" spans="2:2" ht="13.5" customHeight="1">
      <c r="B708" s="65"/>
    </row>
    <row r="709" spans="2:2" ht="13.5" customHeight="1">
      <c r="B709" s="65"/>
    </row>
    <row r="710" spans="2:2" ht="13.5" customHeight="1">
      <c r="B710" s="65"/>
    </row>
    <row r="711" spans="2:2" ht="13.5" customHeight="1">
      <c r="B711" s="65"/>
    </row>
    <row r="712" spans="2:2" ht="13.5" customHeight="1">
      <c r="B712" s="65"/>
    </row>
    <row r="713" spans="2:2" ht="13.5" customHeight="1">
      <c r="B713" s="65"/>
    </row>
    <row r="714" spans="2:2" ht="13.5" customHeight="1">
      <c r="B714" s="65"/>
    </row>
    <row r="715" spans="2:2" ht="13.5" customHeight="1">
      <c r="B715" s="65"/>
    </row>
    <row r="716" spans="2:2" ht="13.5" customHeight="1">
      <c r="B716" s="65"/>
    </row>
    <row r="717" spans="2:2" ht="13.5" customHeight="1">
      <c r="B717" s="65"/>
    </row>
    <row r="718" spans="2:2" ht="13.5" customHeight="1">
      <c r="B718" s="65"/>
    </row>
    <row r="719" spans="2:2" ht="13.5" customHeight="1">
      <c r="B719" s="65"/>
    </row>
    <row r="720" spans="2:2" ht="13.5" customHeight="1">
      <c r="B720" s="65"/>
    </row>
    <row r="721" spans="2:2" ht="13.5" customHeight="1">
      <c r="B721" s="65"/>
    </row>
    <row r="722" spans="2:2" ht="13.5" customHeight="1">
      <c r="B722" s="65"/>
    </row>
    <row r="723" spans="2:2" ht="13.5" customHeight="1">
      <c r="B723" s="65"/>
    </row>
    <row r="724" spans="2:2" ht="13.5" customHeight="1">
      <c r="B724" s="65"/>
    </row>
    <row r="725" spans="2:2" ht="13.5" customHeight="1">
      <c r="B725" s="65"/>
    </row>
    <row r="726" spans="2:2" ht="13.5" customHeight="1">
      <c r="B726" s="65"/>
    </row>
    <row r="727" spans="2:2" ht="13.5" customHeight="1">
      <c r="B727" s="65"/>
    </row>
    <row r="728" spans="2:2" ht="13.5" customHeight="1">
      <c r="B728" s="65"/>
    </row>
    <row r="729" spans="2:2" ht="13.5" customHeight="1">
      <c r="B729" s="65"/>
    </row>
    <row r="730" spans="2:2" ht="13.5" customHeight="1">
      <c r="B730" s="65"/>
    </row>
    <row r="731" spans="2:2" ht="13.5" customHeight="1">
      <c r="B731" s="65"/>
    </row>
    <row r="732" spans="2:2" ht="13.5" customHeight="1">
      <c r="B732" s="65"/>
    </row>
    <row r="733" spans="2:2" ht="13.5" customHeight="1">
      <c r="B733" s="65"/>
    </row>
    <row r="734" spans="2:2" ht="13.5" customHeight="1">
      <c r="B734" s="65"/>
    </row>
    <row r="735" spans="2:2" ht="13.5" customHeight="1">
      <c r="B735" s="65"/>
    </row>
    <row r="736" spans="2:2" ht="13.5" customHeight="1">
      <c r="B736" s="65"/>
    </row>
    <row r="737" spans="2:2" ht="13.5" customHeight="1">
      <c r="B737" s="65"/>
    </row>
    <row r="738" spans="2:2" ht="13.5" customHeight="1">
      <c r="B738" s="65"/>
    </row>
    <row r="739" spans="2:2" ht="13.5" customHeight="1">
      <c r="B739" s="65"/>
    </row>
    <row r="740" spans="2:2" ht="13.5" customHeight="1">
      <c r="B740" s="65"/>
    </row>
    <row r="741" spans="2:2" ht="13.5" customHeight="1">
      <c r="B741" s="65"/>
    </row>
    <row r="742" spans="2:2" ht="13.5" customHeight="1">
      <c r="B742" s="65"/>
    </row>
    <row r="743" spans="2:2" ht="13.5" customHeight="1">
      <c r="B743" s="65"/>
    </row>
    <row r="744" spans="2:2" ht="13.5" customHeight="1">
      <c r="B744" s="65"/>
    </row>
    <row r="745" spans="2:2" ht="13.5" customHeight="1">
      <c r="B745" s="65"/>
    </row>
    <row r="746" spans="2:2" ht="13.5" customHeight="1">
      <c r="B746" s="65"/>
    </row>
    <row r="747" spans="2:2" ht="13.5" customHeight="1">
      <c r="B747" s="65"/>
    </row>
    <row r="748" spans="2:2" ht="13.5" customHeight="1">
      <c r="B748" s="65"/>
    </row>
    <row r="749" spans="2:2" ht="13.5" customHeight="1">
      <c r="B749" s="65"/>
    </row>
    <row r="750" spans="2:2" ht="13.5" customHeight="1">
      <c r="B750" s="65"/>
    </row>
    <row r="751" spans="2:2" ht="13.5" customHeight="1">
      <c r="B751" s="65"/>
    </row>
    <row r="752" spans="2:2" ht="13.5" customHeight="1">
      <c r="B752" s="65"/>
    </row>
    <row r="753" spans="2:2" ht="13.5" customHeight="1">
      <c r="B753" s="65"/>
    </row>
    <row r="754" spans="2:2" ht="13.5" customHeight="1">
      <c r="B754" s="65"/>
    </row>
    <row r="755" spans="2:2" ht="13.5" customHeight="1">
      <c r="B755" s="65"/>
    </row>
    <row r="756" spans="2:2" ht="13.5" customHeight="1">
      <c r="B756" s="65"/>
    </row>
    <row r="757" spans="2:2" ht="13.5" customHeight="1">
      <c r="B757" s="65"/>
    </row>
    <row r="758" spans="2:2" ht="13.5" customHeight="1">
      <c r="B758" s="65"/>
    </row>
    <row r="759" spans="2:2" ht="13.5" customHeight="1">
      <c r="B759" s="65"/>
    </row>
    <row r="760" spans="2:2" ht="13.5" customHeight="1">
      <c r="B760" s="65"/>
    </row>
    <row r="761" spans="2:2" ht="13.5" customHeight="1">
      <c r="B761" s="65"/>
    </row>
    <row r="762" spans="2:2" ht="13.5" customHeight="1">
      <c r="B762" s="65"/>
    </row>
    <row r="763" spans="2:2" ht="13.5" customHeight="1">
      <c r="B763" s="65"/>
    </row>
    <row r="764" spans="2:2" ht="13.5" customHeight="1">
      <c r="B764" s="65"/>
    </row>
    <row r="765" spans="2:2" ht="13.5" customHeight="1">
      <c r="B765" s="65"/>
    </row>
    <row r="766" spans="2:2" ht="13.5" customHeight="1">
      <c r="B766" s="65"/>
    </row>
    <row r="767" spans="2:2" ht="13.5" customHeight="1">
      <c r="B767" s="65"/>
    </row>
    <row r="768" spans="2:2" ht="13.5" customHeight="1">
      <c r="B768" s="65"/>
    </row>
    <row r="769" spans="2:2" ht="13.5" customHeight="1">
      <c r="B769" s="65"/>
    </row>
    <row r="770" spans="2:2" ht="13.5" customHeight="1">
      <c r="B770" s="65"/>
    </row>
    <row r="771" spans="2:2" ht="13.5" customHeight="1">
      <c r="B771" s="65"/>
    </row>
    <row r="772" spans="2:2" ht="13.5" customHeight="1">
      <c r="B772" s="65"/>
    </row>
    <row r="773" spans="2:2" ht="13.5" customHeight="1">
      <c r="B773" s="65"/>
    </row>
    <row r="774" spans="2:2" ht="13.5" customHeight="1">
      <c r="B774" s="65"/>
    </row>
    <row r="775" spans="2:2" ht="13.5" customHeight="1">
      <c r="B775" s="65"/>
    </row>
    <row r="776" spans="2:2" ht="13.5" customHeight="1">
      <c r="B776" s="65"/>
    </row>
    <row r="777" spans="2:2" ht="13.5" customHeight="1">
      <c r="B777" s="65"/>
    </row>
    <row r="778" spans="2:2" ht="13.5" customHeight="1">
      <c r="B778" s="65"/>
    </row>
    <row r="779" spans="2:2" ht="13.5" customHeight="1">
      <c r="B779" s="65"/>
    </row>
    <row r="780" spans="2:2" ht="13.5" customHeight="1">
      <c r="B780" s="65"/>
    </row>
    <row r="781" spans="2:2" ht="13.5" customHeight="1">
      <c r="B781" s="65"/>
    </row>
    <row r="782" spans="2:2" ht="13.5" customHeight="1">
      <c r="B782" s="65"/>
    </row>
    <row r="783" spans="2:2" ht="13.5" customHeight="1">
      <c r="B783" s="65"/>
    </row>
    <row r="784" spans="2:2" ht="13.5" customHeight="1">
      <c r="B784" s="65"/>
    </row>
    <row r="785" spans="2:2" ht="13.5" customHeight="1">
      <c r="B785" s="65"/>
    </row>
    <row r="786" spans="2:2" ht="13.5" customHeight="1">
      <c r="B786" s="65"/>
    </row>
    <row r="787" spans="2:2" ht="13.5" customHeight="1">
      <c r="B787" s="65"/>
    </row>
    <row r="788" spans="2:2" ht="13.5" customHeight="1">
      <c r="B788" s="65"/>
    </row>
    <row r="789" spans="2:2" ht="13.5" customHeight="1">
      <c r="B789" s="65"/>
    </row>
    <row r="790" spans="2:2" ht="13.5" customHeight="1">
      <c r="B790" s="65"/>
    </row>
    <row r="791" spans="2:2" ht="13.5" customHeight="1">
      <c r="B791" s="65"/>
    </row>
    <row r="792" spans="2:2" ht="13.5" customHeight="1">
      <c r="B792" s="65"/>
    </row>
    <row r="793" spans="2:2" ht="13.5" customHeight="1">
      <c r="B793" s="65"/>
    </row>
    <row r="794" spans="2:2" ht="13.5" customHeight="1">
      <c r="B794" s="65"/>
    </row>
    <row r="795" spans="2:2" ht="13.5" customHeight="1">
      <c r="B795" s="65"/>
    </row>
    <row r="796" spans="2:2" ht="13.5" customHeight="1">
      <c r="B796" s="65"/>
    </row>
    <row r="797" spans="2:2" ht="13.5" customHeight="1">
      <c r="B797" s="65"/>
    </row>
    <row r="798" spans="2:2" ht="13.5" customHeight="1">
      <c r="B798" s="65"/>
    </row>
    <row r="799" spans="2:2" ht="13.5" customHeight="1">
      <c r="B799" s="65"/>
    </row>
    <row r="800" spans="2:2" ht="13.5" customHeight="1">
      <c r="B800" s="65"/>
    </row>
    <row r="801" spans="2:2" ht="13.5" customHeight="1">
      <c r="B801" s="65"/>
    </row>
    <row r="802" spans="2:2" ht="13.5" customHeight="1">
      <c r="B802" s="65"/>
    </row>
    <row r="803" spans="2:2" ht="13.5" customHeight="1">
      <c r="B803" s="65"/>
    </row>
    <row r="804" spans="2:2" ht="13.5" customHeight="1">
      <c r="B804" s="65"/>
    </row>
    <row r="805" spans="2:2" ht="13.5" customHeight="1">
      <c r="B805" s="65"/>
    </row>
    <row r="806" spans="2:2" ht="13.5" customHeight="1">
      <c r="B806" s="65"/>
    </row>
    <row r="807" spans="2:2" ht="13.5" customHeight="1">
      <c r="B807" s="65"/>
    </row>
    <row r="808" spans="2:2" ht="13.5" customHeight="1">
      <c r="B808" s="65"/>
    </row>
    <row r="809" spans="2:2" ht="13.5" customHeight="1">
      <c r="B809" s="65"/>
    </row>
    <row r="810" spans="2:2" ht="13.5" customHeight="1">
      <c r="B810" s="65"/>
    </row>
    <row r="811" spans="2:2" ht="13.5" customHeight="1">
      <c r="B811" s="65"/>
    </row>
    <row r="812" spans="2:2" ht="13.5" customHeight="1">
      <c r="B812" s="65"/>
    </row>
    <row r="813" spans="2:2" ht="13.5" customHeight="1">
      <c r="B813" s="65"/>
    </row>
    <row r="814" spans="2:2" ht="13.5" customHeight="1">
      <c r="B814" s="65"/>
    </row>
    <row r="815" spans="2:2" ht="13.5" customHeight="1">
      <c r="B815" s="65"/>
    </row>
    <row r="816" spans="2:2" ht="13.5" customHeight="1">
      <c r="B816" s="65"/>
    </row>
    <row r="817" spans="2:2" ht="13.5" customHeight="1">
      <c r="B817" s="65"/>
    </row>
    <row r="818" spans="2:2" ht="13.5" customHeight="1">
      <c r="B818" s="65"/>
    </row>
    <row r="819" spans="2:2" ht="13.5" customHeight="1">
      <c r="B819" s="65"/>
    </row>
    <row r="820" spans="2:2" ht="13.5" customHeight="1">
      <c r="B820" s="65"/>
    </row>
    <row r="821" spans="2:2" ht="13.5" customHeight="1">
      <c r="B821" s="65"/>
    </row>
    <row r="822" spans="2:2" ht="13.5" customHeight="1">
      <c r="B822" s="65"/>
    </row>
    <row r="823" spans="2:2" ht="13.5" customHeight="1">
      <c r="B823" s="65"/>
    </row>
    <row r="824" spans="2:2" ht="13.5" customHeight="1">
      <c r="B824" s="65"/>
    </row>
    <row r="825" spans="2:2" ht="13.5" customHeight="1">
      <c r="B825" s="65"/>
    </row>
    <row r="826" spans="2:2" ht="13.5" customHeight="1">
      <c r="B826" s="65"/>
    </row>
    <row r="827" spans="2:2" ht="13.5" customHeight="1">
      <c r="B827" s="65"/>
    </row>
    <row r="828" spans="2:2" ht="13.5" customHeight="1">
      <c r="B828" s="65"/>
    </row>
    <row r="829" spans="2:2" ht="13.5" customHeight="1">
      <c r="B829" s="65"/>
    </row>
    <row r="830" spans="2:2" ht="13.5" customHeight="1">
      <c r="B830" s="65"/>
    </row>
    <row r="831" spans="2:2" ht="13.5" customHeight="1">
      <c r="B831" s="65"/>
    </row>
    <row r="832" spans="2:2" ht="13.5" customHeight="1">
      <c r="B832" s="65"/>
    </row>
    <row r="833" spans="2:2" ht="13.5" customHeight="1">
      <c r="B833" s="65"/>
    </row>
    <row r="834" spans="2:2" ht="13.5" customHeight="1">
      <c r="B834" s="65"/>
    </row>
    <row r="835" spans="2:2" ht="13.5" customHeight="1">
      <c r="B835" s="65"/>
    </row>
    <row r="836" spans="2:2" ht="13.5" customHeight="1">
      <c r="B836" s="65"/>
    </row>
    <row r="837" spans="2:2" ht="13.5" customHeight="1">
      <c r="B837" s="65"/>
    </row>
    <row r="838" spans="2:2" ht="13.5" customHeight="1">
      <c r="B838" s="65"/>
    </row>
    <row r="839" spans="2:2" ht="13.5" customHeight="1">
      <c r="B839" s="65"/>
    </row>
    <row r="840" spans="2:2" ht="13.5" customHeight="1">
      <c r="B840" s="65"/>
    </row>
    <row r="841" spans="2:2" ht="13.5" customHeight="1">
      <c r="B841" s="65"/>
    </row>
    <row r="842" spans="2:2" ht="13.5" customHeight="1">
      <c r="B842" s="65"/>
    </row>
    <row r="843" spans="2:2" ht="13.5" customHeight="1">
      <c r="B843" s="65"/>
    </row>
    <row r="844" spans="2:2" ht="13.5" customHeight="1">
      <c r="B844" s="65"/>
    </row>
    <row r="845" spans="2:2" ht="13.5" customHeight="1">
      <c r="B845" s="65"/>
    </row>
    <row r="846" spans="2:2" ht="13.5" customHeight="1">
      <c r="B846" s="65"/>
    </row>
    <row r="847" spans="2:2" ht="13.5" customHeight="1">
      <c r="B847" s="65"/>
    </row>
    <row r="848" spans="2:2" ht="13.5" customHeight="1">
      <c r="B848" s="65"/>
    </row>
    <row r="849" spans="2:2" ht="13.5" customHeight="1">
      <c r="B849" s="65"/>
    </row>
    <row r="850" spans="2:2" ht="13.5" customHeight="1">
      <c r="B850" s="65"/>
    </row>
    <row r="851" spans="2:2" ht="13.5" customHeight="1">
      <c r="B851" s="65"/>
    </row>
    <row r="852" spans="2:2" ht="13.5" customHeight="1">
      <c r="B852" s="65"/>
    </row>
    <row r="853" spans="2:2" ht="13.5" customHeight="1">
      <c r="B853" s="65"/>
    </row>
    <row r="854" spans="2:2" ht="13.5" customHeight="1">
      <c r="B854" s="65"/>
    </row>
    <row r="855" spans="2:2" ht="13.5" customHeight="1">
      <c r="B855" s="65"/>
    </row>
    <row r="856" spans="2:2" ht="13.5" customHeight="1">
      <c r="B856" s="65"/>
    </row>
    <row r="857" spans="2:2" ht="13.5" customHeight="1">
      <c r="B857" s="65"/>
    </row>
    <row r="858" spans="2:2" ht="13.5" customHeight="1">
      <c r="B858" s="65"/>
    </row>
    <row r="859" spans="2:2" ht="13.5" customHeight="1">
      <c r="B859" s="65"/>
    </row>
    <row r="860" spans="2:2" ht="13.5" customHeight="1">
      <c r="B860" s="65"/>
    </row>
    <row r="861" spans="2:2" ht="13.5" customHeight="1">
      <c r="B861" s="65"/>
    </row>
    <row r="862" spans="2:2" ht="13.5" customHeight="1">
      <c r="B862" s="65"/>
    </row>
    <row r="863" spans="2:2" ht="13.5" customHeight="1">
      <c r="B863" s="65"/>
    </row>
    <row r="864" spans="2:2" ht="13.5" customHeight="1">
      <c r="B864" s="65"/>
    </row>
    <row r="865" spans="2:2" ht="13.5" customHeight="1">
      <c r="B865" s="65"/>
    </row>
    <row r="866" spans="2:2" ht="13.5" customHeight="1">
      <c r="B866" s="65"/>
    </row>
    <row r="867" spans="2:2" ht="13.5" customHeight="1">
      <c r="B867" s="65"/>
    </row>
    <row r="868" spans="2:2" ht="13.5" customHeight="1">
      <c r="B868" s="65"/>
    </row>
    <row r="869" spans="2:2" ht="13.5" customHeight="1">
      <c r="B869" s="65"/>
    </row>
    <row r="870" spans="2:2" ht="13.5" customHeight="1">
      <c r="B870" s="65"/>
    </row>
    <row r="871" spans="2:2" ht="13.5" customHeight="1">
      <c r="B871" s="65"/>
    </row>
    <row r="872" spans="2:2" ht="13.5" customHeight="1">
      <c r="B872" s="65"/>
    </row>
    <row r="873" spans="2:2" ht="13.5" customHeight="1">
      <c r="B873" s="65"/>
    </row>
    <row r="874" spans="2:2" ht="13.5" customHeight="1">
      <c r="B874" s="65"/>
    </row>
    <row r="875" spans="2:2" ht="13.5" customHeight="1">
      <c r="B875" s="65"/>
    </row>
    <row r="876" spans="2:2" ht="13.5" customHeight="1">
      <c r="B876" s="65"/>
    </row>
    <row r="877" spans="2:2" ht="13.5" customHeight="1">
      <c r="B877" s="65"/>
    </row>
    <row r="878" spans="2:2" ht="13.5" customHeight="1">
      <c r="B878" s="65"/>
    </row>
    <row r="879" spans="2:2" ht="13.5" customHeight="1">
      <c r="B879" s="65"/>
    </row>
    <row r="880" spans="2:2" ht="13.5" customHeight="1">
      <c r="B880" s="65"/>
    </row>
    <row r="881" spans="2:2" ht="13.5" customHeight="1">
      <c r="B881" s="65"/>
    </row>
    <row r="882" spans="2:2" ht="13.5" customHeight="1">
      <c r="B882" s="65"/>
    </row>
    <row r="883" spans="2:2" ht="13.5" customHeight="1">
      <c r="B883" s="65"/>
    </row>
    <row r="884" spans="2:2" ht="13.5" customHeight="1">
      <c r="B884" s="65"/>
    </row>
    <row r="885" spans="2:2" ht="13.5" customHeight="1">
      <c r="B885" s="65"/>
    </row>
    <row r="886" spans="2:2" ht="13.5" customHeight="1">
      <c r="B886" s="65"/>
    </row>
    <row r="887" spans="2:2" ht="13.5" customHeight="1">
      <c r="B887" s="65"/>
    </row>
    <row r="888" spans="2:2" ht="13.5" customHeight="1">
      <c r="B888" s="65"/>
    </row>
    <row r="889" spans="2:2" ht="13.5" customHeight="1">
      <c r="B889" s="65"/>
    </row>
    <row r="890" spans="2:2" ht="13.5" customHeight="1">
      <c r="B890" s="65"/>
    </row>
    <row r="891" spans="2:2" ht="13.5" customHeight="1">
      <c r="B891" s="65"/>
    </row>
    <row r="892" spans="2:2" ht="13.5" customHeight="1">
      <c r="B892" s="65"/>
    </row>
    <row r="893" spans="2:2" ht="13.5" customHeight="1">
      <c r="B893" s="65"/>
    </row>
    <row r="894" spans="2:2" ht="13.5" customHeight="1">
      <c r="B894" s="65"/>
    </row>
    <row r="895" spans="2:2" ht="13.5" customHeight="1">
      <c r="B895" s="65"/>
    </row>
    <row r="896" spans="2:2" ht="13.5" customHeight="1">
      <c r="B896" s="65"/>
    </row>
    <row r="897" spans="2:2" ht="13.5" customHeight="1">
      <c r="B897" s="65"/>
    </row>
    <row r="898" spans="2:2" ht="13.5" customHeight="1">
      <c r="B898" s="65"/>
    </row>
    <row r="899" spans="2:2" ht="13.5" customHeight="1">
      <c r="B899" s="65"/>
    </row>
    <row r="900" spans="2:2" ht="13.5" customHeight="1">
      <c r="B900" s="65"/>
    </row>
    <row r="901" spans="2:2" ht="13.5" customHeight="1">
      <c r="B901" s="65"/>
    </row>
    <row r="902" spans="2:2" ht="13.5" customHeight="1">
      <c r="B902" s="65"/>
    </row>
    <row r="903" spans="2:2" ht="13.5" customHeight="1">
      <c r="B903" s="65"/>
    </row>
    <row r="904" spans="2:2" ht="13.5" customHeight="1">
      <c r="B904" s="65"/>
    </row>
    <row r="905" spans="2:2" ht="13.5" customHeight="1">
      <c r="B905" s="65"/>
    </row>
    <row r="906" spans="2:2" ht="13.5" customHeight="1">
      <c r="B906" s="65"/>
    </row>
    <row r="907" spans="2:2" ht="13.5" customHeight="1">
      <c r="B907" s="65"/>
    </row>
    <row r="908" spans="2:2" ht="13.5" customHeight="1">
      <c r="B908" s="65"/>
    </row>
    <row r="909" spans="2:2" ht="13.5" customHeight="1">
      <c r="B909" s="65"/>
    </row>
    <row r="910" spans="2:2" ht="13.5" customHeight="1">
      <c r="B910" s="65"/>
    </row>
    <row r="911" spans="2:2" ht="13.5" customHeight="1">
      <c r="B911" s="65"/>
    </row>
    <row r="912" spans="2:2" ht="13.5" customHeight="1">
      <c r="B912" s="65"/>
    </row>
    <row r="913" spans="2:2" ht="13.5" customHeight="1">
      <c r="B913" s="65"/>
    </row>
    <row r="914" spans="2:2" ht="13.5" customHeight="1">
      <c r="B914" s="65"/>
    </row>
    <row r="915" spans="2:2" ht="13.5" customHeight="1">
      <c r="B915" s="65"/>
    </row>
    <row r="916" spans="2:2" ht="13.5" customHeight="1">
      <c r="B916" s="65"/>
    </row>
    <row r="917" spans="2:2" ht="13.5" customHeight="1">
      <c r="B917" s="65"/>
    </row>
    <row r="918" spans="2:2" ht="13.5" customHeight="1">
      <c r="B918" s="65"/>
    </row>
    <row r="919" spans="2:2" ht="13.5" customHeight="1">
      <c r="B919" s="65"/>
    </row>
    <row r="920" spans="2:2" ht="13.5" customHeight="1">
      <c r="B920" s="65"/>
    </row>
    <row r="921" spans="2:2" ht="13.5" customHeight="1">
      <c r="B921" s="65"/>
    </row>
    <row r="922" spans="2:2" ht="13.5" customHeight="1">
      <c r="B922" s="65"/>
    </row>
    <row r="923" spans="2:2" ht="13.5" customHeight="1">
      <c r="B923" s="65"/>
    </row>
    <row r="924" spans="2:2" ht="13.5" customHeight="1">
      <c r="B924" s="65"/>
    </row>
    <row r="925" spans="2:2" ht="13.5" customHeight="1">
      <c r="B925" s="65"/>
    </row>
    <row r="926" spans="2:2" ht="13.5" customHeight="1">
      <c r="B926" s="65"/>
    </row>
    <row r="927" spans="2:2" ht="13.5" customHeight="1">
      <c r="B927" s="65"/>
    </row>
    <row r="928" spans="2:2" ht="13.5" customHeight="1">
      <c r="B928" s="65"/>
    </row>
    <row r="929" spans="2:2" ht="13.5" customHeight="1">
      <c r="B929" s="65"/>
    </row>
    <row r="930" spans="2:2" ht="13.5" customHeight="1">
      <c r="B930" s="65"/>
    </row>
    <row r="931" spans="2:2" ht="13.5" customHeight="1">
      <c r="B931" s="65"/>
    </row>
    <row r="932" spans="2:2" ht="13.5" customHeight="1">
      <c r="B932" s="65"/>
    </row>
    <row r="933" spans="2:2" ht="13.5" customHeight="1">
      <c r="B933" s="65"/>
    </row>
    <row r="934" spans="2:2" ht="13.5" customHeight="1">
      <c r="B934" s="65"/>
    </row>
    <row r="935" spans="2:2" ht="13.5" customHeight="1">
      <c r="B935" s="65"/>
    </row>
    <row r="936" spans="2:2" ht="13.5" customHeight="1">
      <c r="B936" s="65"/>
    </row>
    <row r="937" spans="2:2" ht="13.5" customHeight="1">
      <c r="B937" s="65"/>
    </row>
    <row r="938" spans="2:2" ht="13.5" customHeight="1">
      <c r="B938" s="65"/>
    </row>
    <row r="939" spans="2:2" ht="13.5" customHeight="1">
      <c r="B939" s="65"/>
    </row>
    <row r="940" spans="2:2" ht="13.5" customHeight="1">
      <c r="B940" s="65"/>
    </row>
    <row r="941" spans="2:2" ht="13.5" customHeight="1">
      <c r="B941" s="65"/>
    </row>
    <row r="942" spans="2:2" ht="13.5" customHeight="1">
      <c r="B942" s="65"/>
    </row>
    <row r="943" spans="2:2" ht="13.5" customHeight="1">
      <c r="B943" s="65"/>
    </row>
    <row r="944" spans="2:2" ht="13.5" customHeight="1">
      <c r="B944" s="65"/>
    </row>
    <row r="945" spans="2:2" ht="13.5" customHeight="1">
      <c r="B945" s="65"/>
    </row>
    <row r="946" spans="2:2" ht="13.5" customHeight="1">
      <c r="B946" s="65"/>
    </row>
    <row r="947" spans="2:2" ht="13.5" customHeight="1">
      <c r="B947" s="65"/>
    </row>
    <row r="948" spans="2:2" ht="13.5" customHeight="1">
      <c r="B948" s="65"/>
    </row>
    <row r="949" spans="2:2" ht="13.5" customHeight="1">
      <c r="B949" s="65"/>
    </row>
    <row r="950" spans="2:2" ht="13.5" customHeight="1">
      <c r="B950" s="65"/>
    </row>
    <row r="951" spans="2:2" ht="13.5" customHeight="1">
      <c r="B951" s="65"/>
    </row>
    <row r="952" spans="2:2" ht="13.5" customHeight="1">
      <c r="B952" s="65"/>
    </row>
    <row r="953" spans="2:2" ht="13.5" customHeight="1">
      <c r="B953" s="65"/>
    </row>
    <row r="954" spans="2:2" ht="13.5" customHeight="1">
      <c r="B954" s="65"/>
    </row>
    <row r="955" spans="2:2" ht="13.5" customHeight="1">
      <c r="B955" s="65"/>
    </row>
    <row r="956" spans="2:2" ht="13.5" customHeight="1">
      <c r="B956" s="65"/>
    </row>
    <row r="957" spans="2:2" ht="13.5" customHeight="1">
      <c r="B957" s="65"/>
    </row>
    <row r="958" spans="2:2" ht="13.5" customHeight="1">
      <c r="B958" s="65"/>
    </row>
    <row r="959" spans="2:2" ht="13.5" customHeight="1">
      <c r="B959" s="65"/>
    </row>
    <row r="960" spans="2:2" ht="13.5" customHeight="1">
      <c r="B960" s="65"/>
    </row>
    <row r="961" spans="2:2" ht="13.5" customHeight="1">
      <c r="B961" s="65"/>
    </row>
    <row r="962" spans="2:2" ht="13.5" customHeight="1">
      <c r="B962" s="65"/>
    </row>
    <row r="963" spans="2:2" ht="13.5" customHeight="1">
      <c r="B963" s="65"/>
    </row>
    <row r="964" spans="2:2" ht="13.5" customHeight="1">
      <c r="B964" s="65"/>
    </row>
    <row r="965" spans="2:2" ht="13.5" customHeight="1">
      <c r="B965" s="65"/>
    </row>
    <row r="966" spans="2:2" ht="13.5" customHeight="1">
      <c r="B966" s="65"/>
    </row>
    <row r="967" spans="2:2" ht="13.5" customHeight="1">
      <c r="B967" s="65"/>
    </row>
    <row r="968" spans="2:2" ht="13.5" customHeight="1">
      <c r="B968" s="65"/>
    </row>
    <row r="969" spans="2:2" ht="13.5" customHeight="1">
      <c r="B969" s="65"/>
    </row>
    <row r="970" spans="2:2" ht="13.5" customHeight="1">
      <c r="B970" s="65"/>
    </row>
    <row r="971" spans="2:2" ht="13.5" customHeight="1">
      <c r="B971" s="65"/>
    </row>
    <row r="972" spans="2:2" ht="13.5" customHeight="1">
      <c r="B972" s="65"/>
    </row>
    <row r="973" spans="2:2" ht="13.5" customHeight="1">
      <c r="B973" s="65"/>
    </row>
    <row r="974" spans="2:2" ht="13.5" customHeight="1">
      <c r="B974" s="65"/>
    </row>
    <row r="975" spans="2:2" ht="13.5" customHeight="1">
      <c r="B975" s="65"/>
    </row>
    <row r="976" spans="2:2" ht="13.5" customHeight="1">
      <c r="B976" s="65"/>
    </row>
    <row r="977" spans="2:2" ht="13.5" customHeight="1">
      <c r="B977" s="65"/>
    </row>
    <row r="978" spans="2:2" ht="13.5" customHeight="1">
      <c r="B978" s="65"/>
    </row>
    <row r="979" spans="2:2" ht="13.5" customHeight="1">
      <c r="B979" s="65"/>
    </row>
    <row r="980" spans="2:2" ht="13.5" customHeight="1">
      <c r="B980" s="65"/>
    </row>
    <row r="981" spans="2:2" ht="13.5" customHeight="1">
      <c r="B981" s="65"/>
    </row>
    <row r="982" spans="2:2" ht="13.5" customHeight="1">
      <c r="B982" s="65"/>
    </row>
    <row r="983" spans="2:2" ht="13.5" customHeight="1">
      <c r="B983" s="65"/>
    </row>
    <row r="984" spans="2:2" ht="13.5" customHeight="1">
      <c r="B984" s="65"/>
    </row>
    <row r="985" spans="2:2" ht="13.5" customHeight="1">
      <c r="B985" s="65"/>
    </row>
    <row r="986" spans="2:2" ht="13.5" customHeight="1">
      <c r="B986" s="65"/>
    </row>
    <row r="987" spans="2:2" ht="13.5" customHeight="1">
      <c r="B987" s="65"/>
    </row>
    <row r="988" spans="2:2" ht="13.5" customHeight="1">
      <c r="B988" s="65"/>
    </row>
    <row r="989" spans="2:2" ht="13.5" customHeight="1">
      <c r="B989" s="65"/>
    </row>
    <row r="990" spans="2:2" ht="13.5" customHeight="1">
      <c r="B990" s="65"/>
    </row>
    <row r="991" spans="2:2" ht="13.5" customHeight="1">
      <c r="B991" s="65"/>
    </row>
    <row r="992" spans="2:2" ht="13.5" customHeight="1">
      <c r="B992" s="65"/>
    </row>
    <row r="993" spans="2:2" ht="13.5" customHeight="1">
      <c r="B993" s="65"/>
    </row>
    <row r="994" spans="2:2" ht="13.5" customHeight="1">
      <c r="B994" s="65"/>
    </row>
    <row r="995" spans="2:2" ht="13.5" customHeight="1">
      <c r="B995" s="65"/>
    </row>
    <row r="996" spans="2:2" ht="13.5" customHeight="1">
      <c r="B996" s="65"/>
    </row>
    <row r="997" spans="2:2" ht="13.5" customHeight="1">
      <c r="B997" s="65"/>
    </row>
    <row r="998" spans="2:2" ht="13.5" customHeight="1">
      <c r="B998" s="65"/>
    </row>
    <row r="999" spans="2:2" ht="13.5" customHeight="1">
      <c r="B999" s="65"/>
    </row>
    <row r="1000" spans="2:2" ht="13.5" customHeight="1">
      <c r="B1000" s="65"/>
    </row>
    <row r="1001" spans="2:2" ht="13.5" customHeight="1">
      <c r="B1001" s="65"/>
    </row>
    <row r="1002" spans="2:2" ht="13.5" customHeight="1">
      <c r="B1002" s="65"/>
    </row>
  </sheetData>
  <mergeCells count="4">
    <mergeCell ref="A2:A4"/>
    <mergeCell ref="B2:B4"/>
    <mergeCell ref="AY2:AY4"/>
    <mergeCell ref="A51:B51"/>
  </mergeCells>
  <pageMargins left="0" right="0.35433070866141703" top="0" bottom="1.14173228346457" header="0" footer="0"/>
  <pageSetup paperSize="8" scale="36" pageOrder="overThenDown" orientation="landscape" r:id="rId1"/>
  <headerFooter>
    <oddHeader>&amp;CNÁVRH ROZPOČTU NA ROK 2023 - ČTYŘKOLY</oddHeader>
    <oddFooter>&amp;R&amp;P z</oddFooter>
  </headerFooter>
  <legacy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Z1000"/>
  <sheetViews>
    <sheetView workbookViewId="0">
      <selection activeCell="C40" sqref="C40"/>
    </sheetView>
  </sheetViews>
  <sheetFormatPr defaultColWidth="12.625" defaultRowHeight="15" customHeight="1"/>
  <cols>
    <col min="1" max="1" width="24.625" customWidth="1"/>
    <col min="2" max="3" width="12.125" customWidth="1"/>
    <col min="4" max="4" width="13.5" customWidth="1"/>
    <col min="5" max="5" width="61.125" customWidth="1"/>
    <col min="6" max="6" width="8.375" customWidth="1"/>
    <col min="7" max="7" width="10.875" customWidth="1"/>
    <col min="8" max="8" width="8.375" customWidth="1"/>
    <col min="9" max="26" width="8.625" customWidth="1"/>
  </cols>
  <sheetData>
    <row r="1" spans="1:26" ht="13.5" customHeight="1">
      <c r="A1" s="76" t="s">
        <v>189</v>
      </c>
      <c r="B1" s="76"/>
      <c r="C1" s="76" t="s">
        <v>190</v>
      </c>
      <c r="D1" s="76" t="s">
        <v>191</v>
      </c>
      <c r="E1" s="76" t="s">
        <v>192</v>
      </c>
    </row>
    <row r="2" spans="1:26" ht="13.5" customHeight="1">
      <c r="A2" s="76"/>
      <c r="B2" s="76" t="s">
        <v>193</v>
      </c>
      <c r="C2" s="76" t="s">
        <v>194</v>
      </c>
      <c r="D2" s="76" t="s">
        <v>194</v>
      </c>
      <c r="E2" s="76"/>
    </row>
    <row r="3" spans="1:26" ht="13.5" customHeight="1">
      <c r="A3" s="77" t="s">
        <v>195</v>
      </c>
    </row>
    <row r="4" spans="1:26" ht="13.5" customHeight="1"/>
    <row r="5" spans="1:26" ht="13.5" customHeight="1"/>
    <row r="6" spans="1:26" ht="13.5" customHeight="1">
      <c r="A6" s="76"/>
      <c r="B6" s="76" t="s">
        <v>195</v>
      </c>
      <c r="C6" s="76" t="s">
        <v>194</v>
      </c>
      <c r="D6" s="76" t="s">
        <v>194</v>
      </c>
      <c r="E6" s="76"/>
    </row>
    <row r="7" spans="1:26" ht="13.5" customHeight="1">
      <c r="A7" s="78"/>
      <c r="B7" s="79"/>
      <c r="C7" s="79"/>
      <c r="D7" s="79"/>
      <c r="E7" s="65"/>
      <c r="F7" s="65"/>
      <c r="G7" s="65"/>
      <c r="H7" s="65"/>
      <c r="I7" s="78"/>
      <c r="J7" s="78"/>
      <c r="K7" s="78"/>
      <c r="L7" s="78"/>
      <c r="M7" s="78"/>
      <c r="N7" s="78"/>
      <c r="O7" s="78"/>
      <c r="P7" s="78"/>
      <c r="Q7" s="78"/>
      <c r="R7" s="78"/>
      <c r="S7" s="78"/>
      <c r="T7" s="78"/>
      <c r="U7" s="78"/>
      <c r="V7" s="78"/>
      <c r="W7" s="78"/>
      <c r="X7" s="78"/>
      <c r="Y7" s="78"/>
      <c r="Z7" s="78"/>
    </row>
    <row r="8" spans="1:26" ht="13.5" customHeight="1">
      <c r="A8" s="80" t="s">
        <v>193</v>
      </c>
      <c r="B8" s="81"/>
      <c r="C8" s="81"/>
      <c r="D8" s="81"/>
      <c r="E8" s="80"/>
      <c r="F8" s="80"/>
      <c r="G8" s="80"/>
      <c r="H8" s="80"/>
      <c r="I8" s="80"/>
      <c r="J8" s="80"/>
      <c r="K8" s="80"/>
      <c r="L8" s="80"/>
      <c r="M8" s="80"/>
      <c r="N8" s="80"/>
      <c r="O8" s="80"/>
      <c r="P8" s="80"/>
      <c r="Q8" s="80"/>
      <c r="R8" s="80"/>
      <c r="S8" s="80"/>
      <c r="T8" s="80"/>
      <c r="U8" s="80"/>
      <c r="V8" s="80"/>
      <c r="W8" s="80"/>
      <c r="X8" s="80"/>
      <c r="Y8" s="80"/>
      <c r="Z8" s="80"/>
    </row>
    <row r="9" spans="1:26" ht="13.5" customHeight="1">
      <c r="B9" s="81"/>
      <c r="C9" s="81"/>
      <c r="D9" s="81"/>
      <c r="E9" s="2"/>
      <c r="F9" s="2"/>
      <c r="G9" s="2"/>
      <c r="H9" s="2"/>
    </row>
    <row r="10" spans="1:26" ht="13.5" customHeight="1">
      <c r="B10" s="81"/>
      <c r="C10" s="81"/>
      <c r="D10" s="81"/>
      <c r="E10" s="2"/>
      <c r="F10" s="2"/>
      <c r="G10" s="2"/>
      <c r="H10" s="2"/>
    </row>
    <row r="11" spans="1:26" ht="13.5" customHeight="1">
      <c r="B11" s="81"/>
      <c r="C11" s="81"/>
      <c r="D11" s="81"/>
      <c r="E11" s="2"/>
      <c r="F11" s="2"/>
      <c r="G11" s="2"/>
      <c r="H11" s="2"/>
    </row>
    <row r="12" spans="1:26" ht="13.5" customHeight="1">
      <c r="A12" s="80"/>
      <c r="B12" s="81"/>
      <c r="C12" s="81"/>
      <c r="D12" s="81"/>
      <c r="E12" s="80"/>
      <c r="F12" s="80"/>
      <c r="G12" s="82"/>
      <c r="H12" s="80"/>
      <c r="I12" s="80"/>
      <c r="J12" s="80"/>
      <c r="K12" s="80"/>
      <c r="L12" s="80"/>
      <c r="M12" s="80"/>
      <c r="N12" s="80"/>
      <c r="O12" s="80"/>
      <c r="P12" s="80"/>
      <c r="Q12" s="80"/>
      <c r="R12" s="80"/>
      <c r="S12" s="80"/>
      <c r="T12" s="80"/>
      <c r="U12" s="80"/>
      <c r="V12" s="80"/>
      <c r="W12" s="80"/>
      <c r="X12" s="80"/>
      <c r="Y12" s="80"/>
      <c r="Z12" s="80"/>
    </row>
    <row r="13" spans="1:26" ht="13.5" customHeight="1">
      <c r="B13" s="81"/>
      <c r="C13" s="81"/>
      <c r="D13" s="81"/>
      <c r="E13" s="2"/>
      <c r="F13" s="2"/>
      <c r="G13" s="2"/>
      <c r="H13" s="2"/>
    </row>
    <row r="14" spans="1:26" ht="13.5" customHeight="1">
      <c r="B14" s="81"/>
      <c r="C14" s="81"/>
      <c r="D14" s="81"/>
      <c r="E14" s="2"/>
      <c r="F14" s="2"/>
      <c r="G14" s="2"/>
      <c r="H14" s="2"/>
    </row>
    <row r="15" spans="1:26" ht="13.5" customHeight="1">
      <c r="B15" s="81"/>
      <c r="D15" s="81"/>
      <c r="E15" s="2"/>
      <c r="F15" s="2"/>
      <c r="G15" s="2"/>
      <c r="H15" s="2"/>
    </row>
    <row r="16" spans="1:26" ht="13.5" customHeight="1">
      <c r="B16" s="81"/>
      <c r="C16" s="81"/>
      <c r="D16" s="81"/>
      <c r="E16" s="2"/>
      <c r="F16" s="2"/>
      <c r="G16" s="2"/>
      <c r="H16" s="2"/>
    </row>
    <row r="17" spans="2:26" ht="13.5" customHeight="1">
      <c r="B17" s="81"/>
      <c r="C17" s="81"/>
      <c r="D17" s="81"/>
      <c r="E17" s="2"/>
      <c r="F17" s="2"/>
      <c r="G17" s="2"/>
      <c r="H17" s="2"/>
    </row>
    <row r="18" spans="2:26" ht="13.5" customHeight="1">
      <c r="B18" s="81"/>
      <c r="C18" s="81"/>
      <c r="D18" s="81"/>
      <c r="E18" s="2"/>
      <c r="F18" s="2"/>
      <c r="G18" s="2"/>
      <c r="H18" s="2"/>
    </row>
    <row r="19" spans="2:26" ht="13.5" customHeight="1">
      <c r="B19" s="81"/>
      <c r="C19" s="81"/>
      <c r="D19" s="81"/>
      <c r="E19" s="2"/>
      <c r="F19" s="2"/>
      <c r="G19" s="2"/>
      <c r="H19" s="2"/>
    </row>
    <row r="20" spans="2:26" ht="13.5" customHeight="1">
      <c r="B20" s="81"/>
      <c r="C20" s="81"/>
      <c r="D20" s="81"/>
      <c r="E20" s="80"/>
      <c r="F20" s="80"/>
      <c r="G20" s="80"/>
      <c r="H20" s="80"/>
      <c r="I20" s="80"/>
      <c r="J20" s="80"/>
      <c r="K20" s="80"/>
      <c r="L20" s="80"/>
      <c r="M20" s="80"/>
      <c r="N20" s="80"/>
      <c r="O20" s="80"/>
      <c r="P20" s="80"/>
      <c r="Q20" s="80"/>
      <c r="R20" s="80"/>
      <c r="S20" s="80"/>
      <c r="T20" s="80"/>
      <c r="U20" s="80"/>
      <c r="V20" s="80"/>
      <c r="W20" s="80"/>
      <c r="X20" s="80"/>
      <c r="Y20" s="80"/>
      <c r="Z20" s="80"/>
    </row>
    <row r="21" spans="2:26" ht="13.5" customHeight="1">
      <c r="B21" s="81"/>
      <c r="C21" s="81"/>
      <c r="D21" s="81"/>
      <c r="E21" s="2"/>
      <c r="F21" s="2"/>
      <c r="G21" s="2"/>
      <c r="H21" s="2"/>
    </row>
    <row r="22" spans="2:26" ht="13.5" customHeight="1">
      <c r="B22" s="81"/>
      <c r="C22" s="81"/>
      <c r="D22" s="81"/>
    </row>
    <row r="23" spans="2:26" ht="13.5" customHeight="1">
      <c r="B23" s="81"/>
      <c r="C23" s="81"/>
      <c r="D23" s="81"/>
    </row>
    <row r="24" spans="2:26" ht="13.5" customHeight="1">
      <c r="B24" s="81"/>
      <c r="C24" s="81"/>
      <c r="D24" s="81"/>
    </row>
    <row r="25" spans="2:26" ht="13.5" customHeight="1">
      <c r="B25" s="81"/>
      <c r="C25" s="81"/>
      <c r="D25" s="81"/>
    </row>
    <row r="26" spans="2:26" ht="13.5" customHeight="1">
      <c r="B26" s="81"/>
      <c r="C26" s="81"/>
      <c r="D26" s="81"/>
    </row>
    <row r="27" spans="2:26" ht="13.5" customHeight="1">
      <c r="B27" s="81"/>
      <c r="C27" s="81"/>
      <c r="D27" s="81"/>
    </row>
    <row r="28" spans="2:26" ht="13.5" customHeight="1"/>
    <row r="29" spans="2:26" ht="13.5" customHeight="1"/>
    <row r="30" spans="2:26" ht="13.5" customHeight="1"/>
    <row r="31" spans="2:26" ht="13.5" customHeight="1"/>
    <row r="32" spans="2:26" ht="13.5" customHeight="1"/>
    <row r="33" ht="13.5" customHeight="1"/>
    <row r="34" ht="13.5" customHeight="1"/>
    <row r="35" ht="13.5" customHeight="1"/>
    <row r="36" ht="13.5" customHeight="1"/>
    <row r="37" ht="13.5" customHeight="1"/>
    <row r="38" ht="13.5" customHeight="1"/>
    <row r="39" ht="13.5" customHeight="1"/>
    <row r="40" ht="13.5" customHeight="1"/>
    <row r="41" ht="13.5" customHeight="1"/>
    <row r="42" ht="13.5" customHeight="1"/>
    <row r="43" ht="13.5" customHeight="1"/>
    <row r="44" ht="13.5" customHeight="1"/>
    <row r="45" ht="13.5" customHeight="1"/>
    <row r="46" ht="13.5" customHeight="1"/>
    <row r="47" ht="13.5" customHeight="1"/>
    <row r="48" ht="13.5" customHeight="1"/>
    <row r="49" ht="13.5" customHeight="1"/>
    <row r="50" ht="13.5" customHeight="1"/>
    <row r="51" ht="13.5" customHeight="1"/>
    <row r="52" ht="13.5" customHeight="1"/>
    <row r="53" ht="13.5" customHeight="1"/>
    <row r="54" ht="13.5" customHeight="1"/>
    <row r="55" ht="13.5" customHeight="1"/>
    <row r="56" ht="13.5" customHeight="1"/>
    <row r="57" ht="13.5" customHeight="1"/>
    <row r="58" ht="13.5" customHeight="1"/>
    <row r="59" ht="13.5" customHeight="1"/>
    <row r="60" ht="13.5" customHeight="1"/>
    <row r="61" ht="13.5" customHeight="1"/>
    <row r="62" ht="13.5" customHeight="1"/>
    <row r="63" ht="13.5" customHeight="1"/>
    <row r="64" ht="13.5" customHeight="1"/>
    <row r="65" ht="13.5" customHeight="1"/>
    <row r="66" ht="13.5" customHeight="1"/>
    <row r="67" ht="13.5" customHeight="1"/>
    <row r="68" ht="13.5" customHeight="1"/>
    <row r="69" ht="13.5" customHeight="1"/>
    <row r="70" ht="13.5" customHeight="1"/>
    <row r="71" ht="13.5" customHeight="1"/>
    <row r="72" ht="13.5" customHeight="1"/>
    <row r="73" ht="13.5" customHeight="1"/>
    <row r="74" ht="13.5" customHeight="1"/>
    <row r="75" ht="13.5" customHeight="1"/>
    <row r="76" ht="13.5" customHeight="1"/>
    <row r="77" ht="13.5" customHeight="1"/>
    <row r="78" ht="13.5" customHeight="1"/>
    <row r="79" ht="13.5" customHeight="1"/>
    <row r="80" ht="13.5" customHeight="1"/>
    <row r="81" ht="13.5" customHeight="1"/>
    <row r="82" ht="13.5" customHeight="1"/>
    <row r="83" ht="13.5" customHeight="1"/>
    <row r="84" ht="13.5" customHeight="1"/>
    <row r="85" ht="13.5" customHeight="1"/>
    <row r="86" ht="13.5" customHeight="1"/>
    <row r="87" ht="13.5" customHeight="1"/>
    <row r="88" ht="13.5" customHeight="1"/>
    <row r="89" ht="13.5" customHeight="1"/>
    <row r="90" ht="13.5" customHeight="1"/>
    <row r="91" ht="13.5" customHeight="1"/>
    <row r="92" ht="13.5" customHeight="1"/>
    <row r="93" ht="13.5" customHeight="1"/>
    <row r="94" ht="13.5" customHeight="1"/>
    <row r="95" ht="13.5" customHeight="1"/>
    <row r="96" ht="13.5" customHeight="1"/>
    <row r="97" ht="13.5" customHeight="1"/>
    <row r="98" ht="13.5" customHeight="1"/>
    <row r="99" ht="13.5" customHeight="1"/>
    <row r="100" ht="13.5" customHeight="1"/>
    <row r="101" ht="13.5" customHeight="1"/>
    <row r="102" ht="13.5" customHeight="1"/>
    <row r="103" ht="13.5" customHeight="1"/>
    <row r="104" ht="13.5" customHeight="1"/>
    <row r="105" ht="13.5" customHeight="1"/>
    <row r="106" ht="13.5" customHeight="1"/>
    <row r="107" ht="13.5" customHeight="1"/>
    <row r="108" ht="13.5" customHeight="1"/>
    <row r="109" ht="13.5" customHeight="1"/>
    <row r="110" ht="13.5" customHeight="1"/>
    <row r="111" ht="13.5" customHeight="1"/>
    <row r="112" ht="13.5" customHeight="1"/>
    <row r="113" ht="13.5" customHeight="1"/>
    <row r="114" ht="13.5" customHeight="1"/>
    <row r="115" ht="13.5" customHeight="1"/>
    <row r="116" ht="13.5" customHeight="1"/>
    <row r="117" ht="13.5" customHeight="1"/>
    <row r="118" ht="13.5" customHeight="1"/>
    <row r="119" ht="13.5" customHeight="1"/>
    <row r="120" ht="13.5" customHeight="1"/>
    <row r="121" ht="13.5" customHeight="1"/>
    <row r="122" ht="13.5" customHeight="1"/>
    <row r="123" ht="13.5" customHeight="1"/>
    <row r="124" ht="13.5" customHeight="1"/>
    <row r="125" ht="13.5" customHeight="1"/>
    <row r="126" ht="13.5" customHeight="1"/>
    <row r="127" ht="13.5" customHeight="1"/>
    <row r="128" ht="13.5" customHeight="1"/>
    <row r="129" ht="13.5" customHeight="1"/>
    <row r="130" ht="13.5" customHeight="1"/>
    <row r="131" ht="13.5" customHeight="1"/>
    <row r="132" ht="13.5" customHeight="1"/>
    <row r="133" ht="13.5" customHeight="1"/>
    <row r="134" ht="13.5" customHeight="1"/>
    <row r="135" ht="13.5" customHeight="1"/>
    <row r="136" ht="13.5" customHeight="1"/>
    <row r="137" ht="13.5" customHeight="1"/>
    <row r="138" ht="13.5" customHeight="1"/>
    <row r="139" ht="13.5" customHeight="1"/>
    <row r="140" ht="13.5" customHeight="1"/>
    <row r="141" ht="13.5" customHeight="1"/>
    <row r="142" ht="13.5" customHeight="1"/>
    <row r="143" ht="13.5" customHeight="1"/>
    <row r="144" ht="13.5" customHeight="1"/>
    <row r="145" ht="13.5" customHeight="1"/>
    <row r="146" ht="13.5" customHeight="1"/>
    <row r="147" ht="13.5" customHeight="1"/>
    <row r="148" ht="13.5" customHeight="1"/>
    <row r="149" ht="13.5" customHeight="1"/>
    <row r="150" ht="13.5" customHeight="1"/>
    <row r="151" ht="13.5" customHeight="1"/>
    <row r="152" ht="13.5" customHeight="1"/>
    <row r="153" ht="13.5" customHeight="1"/>
    <row r="154" ht="13.5" customHeight="1"/>
    <row r="155" ht="13.5" customHeight="1"/>
    <row r="156" ht="13.5" customHeight="1"/>
    <row r="157" ht="13.5" customHeight="1"/>
    <row r="158" ht="13.5" customHeight="1"/>
    <row r="159" ht="13.5" customHeight="1"/>
    <row r="160" ht="13.5" customHeight="1"/>
    <row r="161" ht="13.5" customHeight="1"/>
    <row r="162" ht="13.5" customHeight="1"/>
    <row r="163" ht="13.5" customHeight="1"/>
    <row r="164" ht="13.5" customHeight="1"/>
    <row r="165" ht="13.5" customHeight="1"/>
    <row r="166" ht="13.5" customHeight="1"/>
    <row r="167" ht="13.5" customHeight="1"/>
    <row r="168" ht="13.5" customHeight="1"/>
    <row r="169" ht="13.5" customHeight="1"/>
    <row r="170" ht="13.5" customHeight="1"/>
    <row r="171" ht="13.5" customHeight="1"/>
    <row r="172" ht="13.5" customHeight="1"/>
    <row r="173" ht="13.5" customHeight="1"/>
    <row r="174" ht="13.5" customHeight="1"/>
    <row r="175" ht="13.5" customHeight="1"/>
    <row r="176" ht="13.5" customHeight="1"/>
    <row r="177" ht="13.5" customHeight="1"/>
    <row r="178" ht="13.5" customHeight="1"/>
    <row r="179" ht="13.5" customHeight="1"/>
    <row r="180" ht="13.5" customHeight="1"/>
    <row r="181" ht="13.5" customHeight="1"/>
    <row r="182" ht="13.5" customHeight="1"/>
    <row r="183" ht="13.5" customHeight="1"/>
    <row r="184" ht="13.5" customHeight="1"/>
    <row r="185" ht="13.5" customHeight="1"/>
    <row r="186" ht="13.5" customHeight="1"/>
    <row r="187" ht="13.5" customHeight="1"/>
    <row r="188" ht="13.5" customHeight="1"/>
    <row r="189" ht="13.5" customHeight="1"/>
    <row r="190" ht="13.5" customHeight="1"/>
    <row r="191" ht="13.5" customHeight="1"/>
    <row r="192" ht="13.5" customHeight="1"/>
    <row r="193" ht="13.5" customHeight="1"/>
    <row r="194" ht="13.5" customHeight="1"/>
    <row r="195" ht="13.5" customHeight="1"/>
    <row r="196" ht="13.5" customHeight="1"/>
    <row r="197" ht="13.5" customHeight="1"/>
    <row r="198" ht="13.5" customHeight="1"/>
    <row r="199" ht="13.5" customHeight="1"/>
    <row r="200" ht="13.5" customHeight="1"/>
    <row r="201" ht="13.5" customHeight="1"/>
    <row r="202" ht="13.5" customHeight="1"/>
    <row r="203" ht="13.5" customHeight="1"/>
    <row r="204" ht="13.5" customHeight="1"/>
    <row r="205" ht="13.5" customHeight="1"/>
    <row r="206" ht="13.5" customHeight="1"/>
    <row r="207" ht="13.5" customHeight="1"/>
    <row r="208" ht="13.5" customHeight="1"/>
    <row r="209" ht="13.5" customHeight="1"/>
    <row r="210" ht="13.5" customHeight="1"/>
    <row r="211" ht="13.5" customHeight="1"/>
    <row r="212" ht="13.5" customHeight="1"/>
    <row r="213" ht="13.5" customHeight="1"/>
    <row r="214" ht="13.5" customHeight="1"/>
    <row r="215" ht="13.5" customHeight="1"/>
    <row r="216" ht="13.5" customHeight="1"/>
    <row r="217" ht="13.5" customHeight="1"/>
    <row r="218" ht="13.5" customHeight="1"/>
    <row r="219" ht="13.5" customHeight="1"/>
    <row r="220" ht="13.5" customHeight="1"/>
    <row r="221" ht="13.5" customHeight="1"/>
    <row r="222" ht="13.5" customHeight="1"/>
    <row r="223" ht="13.5" customHeight="1"/>
    <row r="224" ht="13.5" customHeight="1"/>
    <row r="225" ht="13.5" customHeight="1"/>
    <row r="226" ht="13.5" customHeight="1"/>
    <row r="227" ht="13.5" customHeight="1"/>
    <row r="228" ht="13.5" customHeight="1"/>
    <row r="229" ht="13.5" customHeight="1"/>
    <row r="230" ht="13.5" customHeight="1"/>
    <row r="231" ht="13.5" customHeight="1"/>
    <row r="232" ht="13.5" customHeight="1"/>
    <row r="233" ht="13.5" customHeight="1"/>
    <row r="234" ht="13.5" customHeight="1"/>
    <row r="235" ht="13.5" customHeight="1"/>
    <row r="236" ht="13.5" customHeight="1"/>
    <row r="237" ht="13.5" customHeight="1"/>
    <row r="238" ht="13.5" customHeight="1"/>
    <row r="239" ht="13.5" customHeight="1"/>
    <row r="240" ht="13.5" customHeight="1"/>
    <row r="241" ht="13.5" customHeight="1"/>
    <row r="242" ht="13.5" customHeight="1"/>
    <row r="243" ht="13.5" customHeight="1"/>
    <row r="244" ht="13.5" customHeight="1"/>
    <row r="245" ht="13.5" customHeight="1"/>
    <row r="246" ht="13.5" customHeight="1"/>
    <row r="247" ht="13.5" customHeight="1"/>
    <row r="248" ht="13.5" customHeight="1"/>
    <row r="249" ht="13.5" customHeight="1"/>
    <row r="250" ht="13.5" customHeight="1"/>
    <row r="251" ht="13.5" customHeight="1"/>
    <row r="252" ht="13.5" customHeight="1"/>
    <row r="253" ht="13.5" customHeight="1"/>
    <row r="254" ht="13.5" customHeight="1"/>
    <row r="255" ht="13.5" customHeight="1"/>
    <row r="256" ht="13.5" customHeight="1"/>
    <row r="257" ht="13.5" customHeight="1"/>
    <row r="258" ht="13.5" customHeight="1"/>
    <row r="259" ht="13.5" customHeight="1"/>
    <row r="260" ht="13.5" customHeight="1"/>
    <row r="261" ht="13.5" customHeight="1"/>
    <row r="262" ht="13.5" customHeight="1"/>
    <row r="263" ht="13.5" customHeight="1"/>
    <row r="264" ht="13.5" customHeight="1"/>
    <row r="265" ht="13.5" customHeight="1"/>
    <row r="266" ht="13.5" customHeight="1"/>
    <row r="267" ht="13.5" customHeight="1"/>
    <row r="268" ht="13.5" customHeight="1"/>
    <row r="269" ht="13.5" customHeight="1"/>
    <row r="270" ht="13.5" customHeight="1"/>
    <row r="271" ht="13.5" customHeight="1"/>
    <row r="272" ht="13.5" customHeight="1"/>
    <row r="273" ht="13.5" customHeight="1"/>
    <row r="274" ht="13.5" customHeight="1"/>
    <row r="275" ht="13.5" customHeight="1"/>
    <row r="276" ht="13.5" customHeight="1"/>
    <row r="277" ht="13.5" customHeight="1"/>
    <row r="278" ht="13.5" customHeight="1"/>
    <row r="279" ht="13.5" customHeight="1"/>
    <row r="280" ht="13.5" customHeight="1"/>
    <row r="281" ht="13.5" customHeight="1"/>
    <row r="282" ht="13.5" customHeight="1"/>
    <row r="283" ht="13.5" customHeight="1"/>
    <row r="284" ht="13.5" customHeight="1"/>
    <row r="285" ht="13.5" customHeight="1"/>
    <row r="286" ht="13.5" customHeight="1"/>
    <row r="287" ht="13.5" customHeight="1"/>
    <row r="288" ht="13.5" customHeight="1"/>
    <row r="289" ht="13.5" customHeight="1"/>
    <row r="290" ht="13.5" customHeight="1"/>
    <row r="291" ht="13.5" customHeight="1"/>
    <row r="292" ht="13.5" customHeight="1"/>
    <row r="293" ht="13.5" customHeight="1"/>
    <row r="294" ht="13.5" customHeight="1"/>
    <row r="295" ht="13.5" customHeight="1"/>
    <row r="296" ht="13.5" customHeight="1"/>
    <row r="297" ht="13.5" customHeight="1"/>
    <row r="298" ht="13.5" customHeight="1"/>
    <row r="299" ht="13.5" customHeight="1"/>
    <row r="300" ht="13.5" customHeight="1"/>
    <row r="301" ht="13.5" customHeight="1"/>
    <row r="302" ht="13.5" customHeight="1"/>
    <row r="303" ht="13.5" customHeight="1"/>
    <row r="304" ht="13.5" customHeight="1"/>
    <row r="305" ht="13.5" customHeight="1"/>
    <row r="306" ht="13.5" customHeight="1"/>
    <row r="307" ht="13.5" customHeight="1"/>
    <row r="308" ht="13.5" customHeight="1"/>
    <row r="309" ht="13.5" customHeight="1"/>
    <row r="310" ht="13.5" customHeight="1"/>
    <row r="311" ht="13.5" customHeight="1"/>
    <row r="312" ht="13.5" customHeight="1"/>
    <row r="313" ht="13.5" customHeight="1"/>
    <row r="314" ht="13.5" customHeight="1"/>
    <row r="315" ht="13.5" customHeight="1"/>
    <row r="316" ht="13.5" customHeight="1"/>
    <row r="317" ht="13.5" customHeight="1"/>
    <row r="318" ht="13.5" customHeight="1"/>
    <row r="319" ht="13.5" customHeight="1"/>
    <row r="320" ht="13.5" customHeight="1"/>
    <row r="321" ht="13.5" customHeight="1"/>
    <row r="322" ht="13.5" customHeight="1"/>
    <row r="323" ht="13.5" customHeight="1"/>
    <row r="324" ht="13.5" customHeight="1"/>
    <row r="325" ht="13.5" customHeight="1"/>
    <row r="326" ht="13.5" customHeight="1"/>
    <row r="327" ht="13.5" customHeight="1"/>
    <row r="328" ht="13.5" customHeight="1"/>
    <row r="329" ht="13.5" customHeight="1"/>
    <row r="330" ht="13.5" customHeight="1"/>
    <row r="331" ht="13.5" customHeight="1"/>
    <row r="332" ht="13.5" customHeight="1"/>
    <row r="333" ht="13.5" customHeight="1"/>
    <row r="334" ht="13.5" customHeight="1"/>
    <row r="335" ht="13.5" customHeight="1"/>
    <row r="336" ht="13.5" customHeight="1"/>
    <row r="337" ht="13.5" customHeight="1"/>
    <row r="338" ht="13.5" customHeight="1"/>
    <row r="339" ht="13.5" customHeight="1"/>
    <row r="340" ht="13.5" customHeight="1"/>
    <row r="341" ht="13.5" customHeight="1"/>
    <row r="342" ht="13.5" customHeight="1"/>
    <row r="343" ht="13.5" customHeight="1"/>
    <row r="344" ht="13.5" customHeight="1"/>
    <row r="345" ht="13.5" customHeight="1"/>
    <row r="346" ht="13.5" customHeight="1"/>
    <row r="347" ht="13.5" customHeight="1"/>
    <row r="348" ht="13.5" customHeight="1"/>
    <row r="349" ht="13.5" customHeight="1"/>
    <row r="350" ht="13.5" customHeight="1"/>
    <row r="351" ht="13.5" customHeight="1"/>
    <row r="352" ht="13.5" customHeight="1"/>
    <row r="353" ht="13.5" customHeight="1"/>
    <row r="354" ht="13.5" customHeight="1"/>
    <row r="355" ht="13.5" customHeight="1"/>
    <row r="356" ht="13.5" customHeight="1"/>
    <row r="357" ht="13.5" customHeight="1"/>
    <row r="358" ht="13.5" customHeight="1"/>
    <row r="359" ht="13.5" customHeight="1"/>
    <row r="360" ht="13.5" customHeight="1"/>
    <row r="361" ht="13.5" customHeight="1"/>
    <row r="362" ht="13.5" customHeight="1"/>
    <row r="363" ht="13.5" customHeight="1"/>
    <row r="364" ht="13.5" customHeight="1"/>
    <row r="365" ht="13.5" customHeight="1"/>
    <row r="366" ht="13.5" customHeight="1"/>
    <row r="367" ht="13.5" customHeight="1"/>
    <row r="368" ht="13.5" customHeight="1"/>
    <row r="369" ht="13.5" customHeight="1"/>
    <row r="370" ht="13.5" customHeight="1"/>
    <row r="371" ht="13.5" customHeight="1"/>
    <row r="372" ht="13.5" customHeight="1"/>
    <row r="373" ht="13.5" customHeight="1"/>
    <row r="374" ht="13.5" customHeight="1"/>
    <row r="375" ht="13.5" customHeight="1"/>
    <row r="376" ht="13.5" customHeight="1"/>
    <row r="377" ht="13.5" customHeight="1"/>
    <row r="378" ht="13.5" customHeight="1"/>
    <row r="379" ht="13.5" customHeight="1"/>
    <row r="380" ht="13.5" customHeight="1"/>
    <row r="381" ht="13.5" customHeight="1"/>
    <row r="382" ht="13.5" customHeight="1"/>
    <row r="383" ht="13.5" customHeight="1"/>
    <row r="384" ht="13.5" customHeight="1"/>
    <row r="385" ht="13.5" customHeight="1"/>
    <row r="386" ht="13.5" customHeight="1"/>
    <row r="387" ht="13.5" customHeight="1"/>
    <row r="388" ht="13.5" customHeight="1"/>
    <row r="389" ht="13.5" customHeight="1"/>
    <row r="390" ht="13.5" customHeight="1"/>
    <row r="391" ht="13.5" customHeight="1"/>
    <row r="392" ht="13.5" customHeight="1"/>
    <row r="393" ht="13.5" customHeight="1"/>
    <row r="394" ht="13.5" customHeight="1"/>
    <row r="395" ht="13.5" customHeight="1"/>
    <row r="396" ht="13.5" customHeight="1"/>
    <row r="397" ht="13.5" customHeight="1"/>
    <row r="398" ht="13.5" customHeight="1"/>
    <row r="399" ht="13.5" customHeight="1"/>
    <row r="400" ht="13.5" customHeight="1"/>
    <row r="401" ht="13.5" customHeight="1"/>
    <row r="402" ht="13.5" customHeight="1"/>
    <row r="403" ht="13.5" customHeight="1"/>
    <row r="404" ht="13.5" customHeight="1"/>
    <row r="405" ht="13.5" customHeight="1"/>
    <row r="406" ht="13.5" customHeight="1"/>
    <row r="407" ht="13.5" customHeight="1"/>
    <row r="408" ht="13.5" customHeight="1"/>
    <row r="409" ht="13.5" customHeight="1"/>
    <row r="410" ht="13.5" customHeight="1"/>
    <row r="411" ht="13.5" customHeight="1"/>
    <row r="412" ht="13.5" customHeight="1"/>
    <row r="413" ht="13.5" customHeight="1"/>
    <row r="414" ht="13.5" customHeight="1"/>
    <row r="415" ht="13.5" customHeight="1"/>
    <row r="416" ht="13.5" customHeight="1"/>
    <row r="417" ht="13.5" customHeight="1"/>
    <row r="418" ht="13.5" customHeight="1"/>
    <row r="419" ht="13.5" customHeight="1"/>
    <row r="420" ht="13.5" customHeight="1"/>
    <row r="421" ht="13.5" customHeight="1"/>
    <row r="422" ht="13.5" customHeight="1"/>
    <row r="423" ht="13.5" customHeight="1"/>
    <row r="424" ht="13.5" customHeight="1"/>
    <row r="425" ht="13.5" customHeight="1"/>
    <row r="426" ht="13.5" customHeight="1"/>
    <row r="427" ht="13.5" customHeight="1"/>
    <row r="428" ht="13.5" customHeight="1"/>
    <row r="429" ht="13.5" customHeight="1"/>
    <row r="430" ht="13.5" customHeight="1"/>
    <row r="431" ht="13.5" customHeight="1"/>
    <row r="432" ht="13.5" customHeight="1"/>
    <row r="433" ht="13.5" customHeight="1"/>
    <row r="434" ht="13.5" customHeight="1"/>
    <row r="435" ht="13.5" customHeight="1"/>
    <row r="436" ht="13.5" customHeight="1"/>
    <row r="437" ht="13.5" customHeight="1"/>
    <row r="438" ht="13.5" customHeight="1"/>
    <row r="439" ht="13.5" customHeight="1"/>
    <row r="440" ht="13.5" customHeight="1"/>
    <row r="441" ht="13.5" customHeight="1"/>
    <row r="442" ht="13.5" customHeight="1"/>
    <row r="443" ht="13.5" customHeight="1"/>
    <row r="444" ht="13.5" customHeight="1"/>
    <row r="445" ht="13.5" customHeight="1"/>
    <row r="446" ht="13.5" customHeight="1"/>
    <row r="447" ht="13.5" customHeight="1"/>
    <row r="448" ht="13.5" customHeight="1"/>
    <row r="449" ht="13.5" customHeight="1"/>
    <row r="450" ht="13.5" customHeight="1"/>
    <row r="451" ht="13.5" customHeight="1"/>
    <row r="452" ht="13.5" customHeight="1"/>
    <row r="453" ht="13.5" customHeight="1"/>
    <row r="454" ht="13.5" customHeight="1"/>
    <row r="455" ht="13.5" customHeight="1"/>
    <row r="456" ht="13.5" customHeight="1"/>
    <row r="457" ht="13.5" customHeight="1"/>
    <row r="458" ht="13.5" customHeight="1"/>
    <row r="459" ht="13.5" customHeight="1"/>
    <row r="460" ht="13.5" customHeight="1"/>
    <row r="461" ht="13.5" customHeight="1"/>
    <row r="462" ht="13.5" customHeight="1"/>
    <row r="463" ht="13.5" customHeight="1"/>
    <row r="464" ht="13.5" customHeight="1"/>
    <row r="465" ht="13.5" customHeight="1"/>
    <row r="466" ht="13.5" customHeight="1"/>
    <row r="467" ht="13.5" customHeight="1"/>
    <row r="468" ht="13.5" customHeight="1"/>
    <row r="469" ht="13.5" customHeight="1"/>
    <row r="470" ht="13.5" customHeight="1"/>
    <row r="471" ht="13.5" customHeight="1"/>
    <row r="472" ht="13.5" customHeight="1"/>
    <row r="473" ht="13.5" customHeight="1"/>
    <row r="474" ht="13.5" customHeight="1"/>
    <row r="475" ht="13.5" customHeight="1"/>
    <row r="476" ht="13.5" customHeight="1"/>
    <row r="477" ht="13.5" customHeight="1"/>
    <row r="478" ht="13.5" customHeight="1"/>
    <row r="479" ht="13.5" customHeight="1"/>
    <row r="480" ht="13.5" customHeight="1"/>
    <row r="481" ht="13.5" customHeight="1"/>
    <row r="482" ht="13.5" customHeight="1"/>
    <row r="483" ht="13.5" customHeight="1"/>
    <row r="484" ht="13.5" customHeight="1"/>
    <row r="485" ht="13.5" customHeight="1"/>
    <row r="486" ht="13.5" customHeight="1"/>
    <row r="487" ht="13.5" customHeight="1"/>
    <row r="488" ht="13.5" customHeight="1"/>
    <row r="489" ht="13.5" customHeight="1"/>
    <row r="490" ht="13.5" customHeight="1"/>
    <row r="491" ht="13.5" customHeight="1"/>
    <row r="492" ht="13.5" customHeight="1"/>
    <row r="493" ht="13.5" customHeight="1"/>
    <row r="494" ht="13.5" customHeight="1"/>
    <row r="495" ht="13.5" customHeight="1"/>
    <row r="496" ht="13.5" customHeight="1"/>
    <row r="497" ht="13.5" customHeight="1"/>
    <row r="498" ht="13.5" customHeight="1"/>
    <row r="499" ht="13.5" customHeight="1"/>
    <row r="500" ht="13.5" customHeight="1"/>
    <row r="501" ht="13.5" customHeight="1"/>
    <row r="502" ht="13.5" customHeight="1"/>
    <row r="503" ht="13.5" customHeight="1"/>
    <row r="504" ht="13.5" customHeight="1"/>
    <row r="505" ht="13.5" customHeight="1"/>
    <row r="506" ht="13.5" customHeight="1"/>
    <row r="507" ht="13.5" customHeight="1"/>
    <row r="508" ht="13.5" customHeight="1"/>
    <row r="509" ht="13.5" customHeight="1"/>
    <row r="510" ht="13.5" customHeight="1"/>
    <row r="511" ht="13.5" customHeight="1"/>
    <row r="512" ht="13.5" customHeight="1"/>
    <row r="513" ht="13.5" customHeight="1"/>
    <row r="514" ht="13.5" customHeight="1"/>
    <row r="515" ht="13.5" customHeight="1"/>
    <row r="516" ht="13.5" customHeight="1"/>
    <row r="517" ht="13.5" customHeight="1"/>
    <row r="518" ht="13.5" customHeight="1"/>
    <row r="519" ht="13.5" customHeight="1"/>
    <row r="520" ht="13.5" customHeight="1"/>
    <row r="521" ht="13.5" customHeight="1"/>
    <row r="522" ht="13.5" customHeight="1"/>
    <row r="523" ht="13.5" customHeight="1"/>
    <row r="524" ht="13.5" customHeight="1"/>
    <row r="525" ht="13.5" customHeight="1"/>
    <row r="526" ht="13.5" customHeight="1"/>
    <row r="527" ht="13.5" customHeight="1"/>
    <row r="528" ht="13.5" customHeight="1"/>
    <row r="529" ht="13.5" customHeight="1"/>
    <row r="530" ht="13.5" customHeight="1"/>
    <row r="531" ht="13.5" customHeight="1"/>
    <row r="532" ht="13.5" customHeight="1"/>
    <row r="533" ht="13.5" customHeight="1"/>
    <row r="534" ht="13.5" customHeight="1"/>
    <row r="535" ht="13.5" customHeight="1"/>
    <row r="536" ht="13.5" customHeight="1"/>
    <row r="537" ht="13.5" customHeight="1"/>
    <row r="538" ht="13.5" customHeight="1"/>
    <row r="539" ht="13.5" customHeight="1"/>
    <row r="540" ht="13.5" customHeight="1"/>
    <row r="541" ht="13.5" customHeight="1"/>
    <row r="542" ht="13.5" customHeight="1"/>
    <row r="543" ht="13.5" customHeight="1"/>
    <row r="544" ht="13.5" customHeight="1"/>
    <row r="545" ht="13.5" customHeight="1"/>
    <row r="546" ht="13.5" customHeight="1"/>
    <row r="547" ht="13.5" customHeight="1"/>
    <row r="548" ht="13.5" customHeight="1"/>
    <row r="549" ht="13.5" customHeight="1"/>
    <row r="550" ht="13.5" customHeight="1"/>
    <row r="551" ht="13.5" customHeight="1"/>
    <row r="552" ht="13.5" customHeight="1"/>
    <row r="553" ht="13.5" customHeight="1"/>
    <row r="554" ht="13.5" customHeight="1"/>
    <row r="555" ht="13.5" customHeight="1"/>
    <row r="556" ht="13.5" customHeight="1"/>
    <row r="557" ht="13.5" customHeight="1"/>
    <row r="558" ht="13.5" customHeight="1"/>
    <row r="559" ht="13.5" customHeight="1"/>
    <row r="560" ht="13.5" customHeight="1"/>
    <row r="561" ht="13.5" customHeight="1"/>
    <row r="562" ht="13.5" customHeight="1"/>
    <row r="563" ht="13.5" customHeight="1"/>
    <row r="564" ht="13.5" customHeight="1"/>
    <row r="565" ht="13.5" customHeight="1"/>
    <row r="566" ht="13.5" customHeight="1"/>
    <row r="567" ht="13.5" customHeight="1"/>
    <row r="568" ht="13.5" customHeight="1"/>
    <row r="569" ht="13.5" customHeight="1"/>
    <row r="570" ht="13.5" customHeight="1"/>
    <row r="571" ht="13.5" customHeight="1"/>
    <row r="572" ht="13.5" customHeight="1"/>
    <row r="573" ht="13.5" customHeight="1"/>
    <row r="574" ht="13.5" customHeight="1"/>
    <row r="575" ht="13.5" customHeight="1"/>
    <row r="576" ht="13.5" customHeight="1"/>
    <row r="577" ht="13.5" customHeight="1"/>
    <row r="578" ht="13.5" customHeight="1"/>
    <row r="579" ht="13.5" customHeight="1"/>
    <row r="580" ht="13.5" customHeight="1"/>
    <row r="581" ht="13.5" customHeight="1"/>
    <row r="582" ht="13.5" customHeight="1"/>
    <row r="583" ht="13.5" customHeight="1"/>
    <row r="584" ht="13.5" customHeight="1"/>
    <row r="585" ht="13.5" customHeight="1"/>
    <row r="586" ht="13.5" customHeight="1"/>
    <row r="587" ht="13.5" customHeight="1"/>
    <row r="588" ht="13.5" customHeight="1"/>
    <row r="589" ht="13.5" customHeight="1"/>
    <row r="590" ht="13.5" customHeight="1"/>
    <row r="591" ht="13.5" customHeight="1"/>
    <row r="592" ht="13.5" customHeight="1"/>
    <row r="593" ht="13.5" customHeight="1"/>
    <row r="594" ht="13.5" customHeight="1"/>
    <row r="595" ht="13.5" customHeight="1"/>
    <row r="596" ht="13.5" customHeight="1"/>
    <row r="597" ht="13.5" customHeight="1"/>
    <row r="598" ht="13.5" customHeight="1"/>
    <row r="599" ht="13.5" customHeight="1"/>
    <row r="600" ht="13.5" customHeight="1"/>
    <row r="601" ht="13.5" customHeight="1"/>
    <row r="602" ht="13.5" customHeight="1"/>
    <row r="603" ht="13.5" customHeight="1"/>
    <row r="604" ht="13.5" customHeight="1"/>
    <row r="605" ht="13.5" customHeight="1"/>
    <row r="606" ht="13.5" customHeight="1"/>
    <row r="607" ht="13.5" customHeight="1"/>
    <row r="608" ht="13.5" customHeight="1"/>
    <row r="609" ht="13.5" customHeight="1"/>
    <row r="610" ht="13.5" customHeight="1"/>
    <row r="611" ht="13.5" customHeight="1"/>
    <row r="612" ht="13.5" customHeight="1"/>
    <row r="613" ht="13.5" customHeight="1"/>
    <row r="614" ht="13.5" customHeight="1"/>
    <row r="615" ht="13.5" customHeight="1"/>
    <row r="616" ht="13.5" customHeight="1"/>
    <row r="617" ht="13.5" customHeight="1"/>
    <row r="618" ht="13.5" customHeight="1"/>
    <row r="619" ht="13.5" customHeight="1"/>
    <row r="620" ht="13.5" customHeight="1"/>
    <row r="621" ht="13.5" customHeight="1"/>
    <row r="622" ht="13.5" customHeight="1"/>
    <row r="623" ht="13.5" customHeight="1"/>
    <row r="624" ht="13.5" customHeight="1"/>
    <row r="625" ht="13.5" customHeight="1"/>
    <row r="626" ht="13.5" customHeight="1"/>
    <row r="627" ht="13.5" customHeight="1"/>
    <row r="628" ht="13.5" customHeight="1"/>
    <row r="629" ht="13.5" customHeight="1"/>
    <row r="630" ht="13.5" customHeight="1"/>
    <row r="631" ht="13.5" customHeight="1"/>
    <row r="632" ht="13.5" customHeight="1"/>
    <row r="633" ht="13.5" customHeight="1"/>
    <row r="634" ht="13.5" customHeight="1"/>
    <row r="635" ht="13.5" customHeight="1"/>
    <row r="636" ht="13.5" customHeight="1"/>
    <row r="637" ht="13.5" customHeight="1"/>
    <row r="638" ht="13.5" customHeight="1"/>
    <row r="639" ht="13.5" customHeight="1"/>
    <row r="640" ht="13.5" customHeight="1"/>
    <row r="641" ht="13.5" customHeight="1"/>
    <row r="642" ht="13.5" customHeight="1"/>
    <row r="643" ht="13.5" customHeight="1"/>
    <row r="644" ht="13.5" customHeight="1"/>
    <row r="645" ht="13.5" customHeight="1"/>
    <row r="646" ht="13.5" customHeight="1"/>
    <row r="647" ht="13.5" customHeight="1"/>
    <row r="648" ht="13.5" customHeight="1"/>
    <row r="649" ht="13.5" customHeight="1"/>
    <row r="650" ht="13.5" customHeight="1"/>
    <row r="651" ht="13.5" customHeight="1"/>
    <row r="652" ht="13.5" customHeight="1"/>
    <row r="653" ht="13.5" customHeight="1"/>
    <row r="654" ht="13.5" customHeight="1"/>
    <row r="655" ht="13.5" customHeight="1"/>
    <row r="656" ht="13.5" customHeight="1"/>
    <row r="657" ht="13.5" customHeight="1"/>
    <row r="658" ht="13.5" customHeight="1"/>
    <row r="659" ht="13.5" customHeight="1"/>
    <row r="660" ht="13.5" customHeight="1"/>
    <row r="661" ht="13.5" customHeight="1"/>
    <row r="662" ht="13.5" customHeight="1"/>
    <row r="663" ht="13.5" customHeight="1"/>
    <row r="664" ht="13.5" customHeight="1"/>
    <row r="665" ht="13.5" customHeight="1"/>
    <row r="666" ht="13.5" customHeight="1"/>
    <row r="667" ht="13.5" customHeight="1"/>
    <row r="668" ht="13.5" customHeight="1"/>
    <row r="669" ht="13.5" customHeight="1"/>
    <row r="670" ht="13.5" customHeight="1"/>
    <row r="671" ht="13.5" customHeight="1"/>
    <row r="672" ht="13.5" customHeight="1"/>
    <row r="673" ht="13.5" customHeight="1"/>
    <row r="674" ht="13.5" customHeight="1"/>
    <row r="675" ht="13.5" customHeight="1"/>
    <row r="676" ht="13.5" customHeight="1"/>
    <row r="677" ht="13.5" customHeight="1"/>
    <row r="678" ht="13.5" customHeight="1"/>
    <row r="679" ht="13.5" customHeight="1"/>
    <row r="680" ht="13.5" customHeight="1"/>
    <row r="681" ht="13.5" customHeight="1"/>
    <row r="682" ht="13.5" customHeight="1"/>
    <row r="683" ht="13.5" customHeight="1"/>
    <row r="684" ht="13.5" customHeight="1"/>
    <row r="685" ht="13.5" customHeight="1"/>
    <row r="686" ht="13.5" customHeight="1"/>
    <row r="687" ht="13.5" customHeight="1"/>
    <row r="688" ht="13.5" customHeight="1"/>
    <row r="689" ht="13.5" customHeight="1"/>
    <row r="690" ht="13.5" customHeight="1"/>
    <row r="691" ht="13.5" customHeight="1"/>
    <row r="692" ht="13.5" customHeight="1"/>
    <row r="693" ht="13.5" customHeight="1"/>
    <row r="694" ht="13.5" customHeight="1"/>
    <row r="695" ht="13.5" customHeight="1"/>
    <row r="696" ht="13.5" customHeight="1"/>
    <row r="697" ht="13.5" customHeight="1"/>
    <row r="698" ht="13.5" customHeight="1"/>
    <row r="699" ht="13.5" customHeight="1"/>
    <row r="700" ht="13.5" customHeight="1"/>
    <row r="701" ht="13.5" customHeight="1"/>
    <row r="702" ht="13.5" customHeight="1"/>
    <row r="703" ht="13.5" customHeight="1"/>
    <row r="704" ht="13.5" customHeight="1"/>
    <row r="705" ht="13.5" customHeight="1"/>
    <row r="706" ht="13.5" customHeight="1"/>
    <row r="707" ht="13.5" customHeight="1"/>
    <row r="708" ht="13.5" customHeight="1"/>
    <row r="709" ht="13.5" customHeight="1"/>
    <row r="710" ht="13.5" customHeight="1"/>
    <row r="711" ht="13.5" customHeight="1"/>
    <row r="712" ht="13.5" customHeight="1"/>
    <row r="713" ht="13.5" customHeight="1"/>
    <row r="714" ht="13.5" customHeight="1"/>
    <row r="715" ht="13.5" customHeight="1"/>
    <row r="716" ht="13.5" customHeight="1"/>
    <row r="717" ht="13.5" customHeight="1"/>
    <row r="718" ht="13.5" customHeight="1"/>
    <row r="719" ht="13.5" customHeight="1"/>
    <row r="720" ht="13.5" customHeight="1"/>
    <row r="721" ht="13.5" customHeight="1"/>
    <row r="722" ht="13.5" customHeight="1"/>
    <row r="723" ht="13.5" customHeight="1"/>
    <row r="724" ht="13.5" customHeight="1"/>
    <row r="725" ht="13.5" customHeight="1"/>
    <row r="726" ht="13.5" customHeight="1"/>
    <row r="727" ht="13.5" customHeight="1"/>
    <row r="728" ht="13.5" customHeight="1"/>
    <row r="729" ht="13.5" customHeight="1"/>
    <row r="730" ht="13.5" customHeight="1"/>
    <row r="731" ht="13.5" customHeight="1"/>
    <row r="732" ht="13.5" customHeight="1"/>
    <row r="733" ht="13.5" customHeight="1"/>
    <row r="734" ht="13.5" customHeight="1"/>
    <row r="735" ht="13.5" customHeight="1"/>
    <row r="736" ht="13.5" customHeight="1"/>
    <row r="737" ht="13.5" customHeight="1"/>
    <row r="738" ht="13.5" customHeight="1"/>
    <row r="739" ht="13.5" customHeight="1"/>
    <row r="740" ht="13.5" customHeight="1"/>
    <row r="741" ht="13.5" customHeight="1"/>
    <row r="742" ht="13.5" customHeight="1"/>
    <row r="743" ht="13.5" customHeight="1"/>
    <row r="744" ht="13.5" customHeight="1"/>
    <row r="745" ht="13.5" customHeight="1"/>
    <row r="746" ht="13.5" customHeight="1"/>
    <row r="747" ht="13.5" customHeight="1"/>
    <row r="748" ht="13.5" customHeight="1"/>
    <row r="749" ht="13.5" customHeight="1"/>
    <row r="750" ht="13.5" customHeight="1"/>
    <row r="751" ht="13.5" customHeight="1"/>
    <row r="752" ht="13.5" customHeight="1"/>
    <row r="753" ht="13.5" customHeight="1"/>
    <row r="754" ht="13.5" customHeight="1"/>
    <row r="755" ht="13.5" customHeight="1"/>
    <row r="756" ht="13.5" customHeight="1"/>
    <row r="757" ht="13.5" customHeight="1"/>
    <row r="758" ht="13.5" customHeight="1"/>
    <row r="759" ht="13.5" customHeight="1"/>
    <row r="760" ht="13.5" customHeight="1"/>
    <row r="761" ht="13.5" customHeight="1"/>
    <row r="762" ht="13.5" customHeight="1"/>
    <row r="763" ht="13.5" customHeight="1"/>
    <row r="764" ht="13.5" customHeight="1"/>
    <row r="765" ht="13.5" customHeight="1"/>
    <row r="766" ht="13.5" customHeight="1"/>
    <row r="767" ht="13.5" customHeight="1"/>
    <row r="768" ht="13.5" customHeight="1"/>
    <row r="769" ht="13.5" customHeight="1"/>
    <row r="770" ht="13.5" customHeight="1"/>
    <row r="771" ht="13.5" customHeight="1"/>
    <row r="772" ht="13.5" customHeight="1"/>
    <row r="773" ht="13.5" customHeight="1"/>
    <row r="774" ht="13.5" customHeight="1"/>
    <row r="775" ht="13.5" customHeight="1"/>
    <row r="776" ht="13.5" customHeight="1"/>
    <row r="777" ht="13.5" customHeight="1"/>
    <row r="778" ht="13.5" customHeight="1"/>
    <row r="779" ht="13.5" customHeight="1"/>
    <row r="780" ht="13.5" customHeight="1"/>
    <row r="781" ht="13.5" customHeight="1"/>
    <row r="782" ht="13.5" customHeight="1"/>
    <row r="783" ht="13.5" customHeight="1"/>
    <row r="784" ht="13.5" customHeight="1"/>
    <row r="785" ht="13.5" customHeight="1"/>
    <row r="786" ht="13.5" customHeight="1"/>
    <row r="787" ht="13.5" customHeight="1"/>
    <row r="788" ht="13.5" customHeight="1"/>
    <row r="789" ht="13.5" customHeight="1"/>
    <row r="790" ht="13.5" customHeight="1"/>
    <row r="791" ht="13.5" customHeight="1"/>
    <row r="792" ht="13.5" customHeight="1"/>
    <row r="793" ht="13.5" customHeight="1"/>
    <row r="794" ht="13.5" customHeight="1"/>
    <row r="795" ht="13.5" customHeight="1"/>
    <row r="796" ht="13.5" customHeight="1"/>
    <row r="797" ht="13.5" customHeight="1"/>
    <row r="798" ht="13.5" customHeight="1"/>
    <row r="799" ht="13.5" customHeight="1"/>
    <row r="800" ht="13.5" customHeight="1"/>
    <row r="801" ht="13.5" customHeight="1"/>
    <row r="802" ht="13.5" customHeight="1"/>
    <row r="803" ht="13.5" customHeight="1"/>
    <row r="804" ht="13.5" customHeight="1"/>
    <row r="805" ht="13.5" customHeight="1"/>
    <row r="806" ht="13.5" customHeight="1"/>
    <row r="807" ht="13.5" customHeight="1"/>
    <row r="808" ht="13.5" customHeight="1"/>
    <row r="809" ht="13.5" customHeight="1"/>
    <row r="810" ht="13.5" customHeight="1"/>
    <row r="811" ht="13.5" customHeight="1"/>
    <row r="812" ht="13.5" customHeight="1"/>
    <row r="813" ht="13.5" customHeight="1"/>
    <row r="814" ht="13.5" customHeight="1"/>
    <row r="815" ht="13.5" customHeight="1"/>
    <row r="816" ht="13.5" customHeight="1"/>
    <row r="817" ht="13.5" customHeight="1"/>
    <row r="818" ht="13.5" customHeight="1"/>
    <row r="819" ht="13.5" customHeight="1"/>
    <row r="820" ht="13.5" customHeight="1"/>
    <row r="821" ht="13.5" customHeight="1"/>
    <row r="822" ht="13.5" customHeight="1"/>
    <row r="823" ht="13.5" customHeight="1"/>
    <row r="824" ht="13.5" customHeight="1"/>
    <row r="825" ht="13.5" customHeight="1"/>
    <row r="826" ht="13.5" customHeight="1"/>
    <row r="827" ht="13.5" customHeight="1"/>
    <row r="828" ht="13.5" customHeight="1"/>
    <row r="829" ht="13.5" customHeight="1"/>
    <row r="830" ht="13.5" customHeight="1"/>
    <row r="831" ht="13.5" customHeight="1"/>
    <row r="832" ht="13.5" customHeight="1"/>
    <row r="833" ht="13.5" customHeight="1"/>
    <row r="834" ht="13.5" customHeight="1"/>
    <row r="835" ht="13.5" customHeight="1"/>
    <row r="836" ht="13.5" customHeight="1"/>
    <row r="837" ht="13.5" customHeight="1"/>
    <row r="838" ht="13.5" customHeight="1"/>
    <row r="839" ht="13.5" customHeight="1"/>
    <row r="840" ht="13.5" customHeight="1"/>
    <row r="841" ht="13.5" customHeight="1"/>
    <row r="842" ht="13.5" customHeight="1"/>
    <row r="843" ht="13.5" customHeight="1"/>
    <row r="844" ht="13.5" customHeight="1"/>
    <row r="845" ht="13.5" customHeight="1"/>
    <row r="846" ht="13.5" customHeight="1"/>
    <row r="847" ht="13.5" customHeight="1"/>
    <row r="848" ht="13.5" customHeight="1"/>
    <row r="849" ht="13.5" customHeight="1"/>
    <row r="850" ht="13.5" customHeight="1"/>
    <row r="851" ht="13.5" customHeight="1"/>
    <row r="852" ht="13.5" customHeight="1"/>
    <row r="853" ht="13.5" customHeight="1"/>
    <row r="854" ht="13.5" customHeight="1"/>
    <row r="855" ht="13.5" customHeight="1"/>
    <row r="856" ht="13.5" customHeight="1"/>
    <row r="857" ht="13.5" customHeight="1"/>
    <row r="858" ht="13.5" customHeight="1"/>
    <row r="859" ht="13.5" customHeight="1"/>
    <row r="860" ht="13.5" customHeight="1"/>
    <row r="861" ht="13.5" customHeight="1"/>
    <row r="862" ht="13.5" customHeight="1"/>
    <row r="863" ht="13.5" customHeight="1"/>
    <row r="864" ht="13.5" customHeight="1"/>
    <row r="865" ht="13.5" customHeight="1"/>
    <row r="866" ht="13.5" customHeight="1"/>
    <row r="867" ht="13.5" customHeight="1"/>
    <row r="868" ht="13.5" customHeight="1"/>
    <row r="869" ht="13.5" customHeight="1"/>
    <row r="870" ht="13.5" customHeight="1"/>
    <row r="871" ht="13.5" customHeight="1"/>
    <row r="872" ht="13.5" customHeight="1"/>
    <row r="873" ht="13.5" customHeight="1"/>
    <row r="874" ht="13.5" customHeight="1"/>
    <row r="875" ht="13.5" customHeight="1"/>
    <row r="876" ht="13.5" customHeight="1"/>
    <row r="877" ht="13.5" customHeight="1"/>
    <row r="878" ht="13.5" customHeight="1"/>
    <row r="879" ht="13.5" customHeight="1"/>
    <row r="880" ht="13.5" customHeight="1"/>
    <row r="881" ht="13.5" customHeight="1"/>
    <row r="882" ht="13.5" customHeight="1"/>
    <row r="883" ht="13.5" customHeight="1"/>
    <row r="884" ht="13.5" customHeight="1"/>
    <row r="885" ht="13.5" customHeight="1"/>
    <row r="886" ht="13.5" customHeight="1"/>
    <row r="887" ht="13.5" customHeight="1"/>
    <row r="888" ht="13.5" customHeight="1"/>
    <row r="889" ht="13.5" customHeight="1"/>
    <row r="890" ht="13.5" customHeight="1"/>
    <row r="891" ht="13.5" customHeight="1"/>
    <row r="892" ht="13.5" customHeight="1"/>
    <row r="893" ht="13.5" customHeight="1"/>
    <row r="894" ht="13.5" customHeight="1"/>
    <row r="895" ht="13.5" customHeight="1"/>
    <row r="896" ht="13.5" customHeight="1"/>
    <row r="897" ht="13.5" customHeight="1"/>
    <row r="898" ht="13.5" customHeight="1"/>
    <row r="899" ht="13.5" customHeight="1"/>
    <row r="900" ht="13.5" customHeight="1"/>
    <row r="901" ht="13.5" customHeight="1"/>
    <row r="902" ht="13.5" customHeight="1"/>
    <row r="903" ht="13.5" customHeight="1"/>
    <row r="904" ht="13.5" customHeight="1"/>
    <row r="905" ht="13.5" customHeight="1"/>
    <row r="906" ht="13.5" customHeight="1"/>
    <row r="907" ht="13.5" customHeight="1"/>
    <row r="908" ht="13.5" customHeight="1"/>
    <row r="909" ht="13.5" customHeight="1"/>
    <row r="910" ht="13.5" customHeight="1"/>
    <row r="911" ht="13.5" customHeight="1"/>
    <row r="912" ht="13.5" customHeight="1"/>
    <row r="913" ht="13.5" customHeight="1"/>
    <row r="914" ht="13.5" customHeight="1"/>
    <row r="915" ht="13.5" customHeight="1"/>
    <row r="916" ht="13.5" customHeight="1"/>
    <row r="917" ht="13.5" customHeight="1"/>
    <row r="918" ht="13.5" customHeight="1"/>
    <row r="919" ht="13.5" customHeight="1"/>
    <row r="920" ht="13.5" customHeight="1"/>
    <row r="921" ht="13.5" customHeight="1"/>
    <row r="922" ht="13.5" customHeight="1"/>
    <row r="923" ht="13.5" customHeight="1"/>
    <row r="924" ht="13.5" customHeight="1"/>
    <row r="925" ht="13.5" customHeight="1"/>
    <row r="926" ht="13.5" customHeight="1"/>
    <row r="927" ht="13.5" customHeight="1"/>
    <row r="928" ht="13.5" customHeight="1"/>
    <row r="929" ht="13.5" customHeight="1"/>
    <row r="930" ht="13.5" customHeight="1"/>
    <row r="931" ht="13.5" customHeight="1"/>
    <row r="932" ht="13.5" customHeight="1"/>
    <row r="933" ht="13.5" customHeight="1"/>
    <row r="934" ht="13.5" customHeight="1"/>
    <row r="935" ht="13.5" customHeight="1"/>
    <row r="936" ht="13.5" customHeight="1"/>
    <row r="937" ht="13.5" customHeight="1"/>
    <row r="938" ht="13.5" customHeight="1"/>
    <row r="939" ht="13.5" customHeight="1"/>
    <row r="940" ht="13.5" customHeight="1"/>
    <row r="941" ht="13.5" customHeight="1"/>
    <row r="942" ht="13.5" customHeight="1"/>
    <row r="943" ht="13.5" customHeight="1"/>
    <row r="944" ht="13.5" customHeight="1"/>
    <row r="945" ht="13.5" customHeight="1"/>
    <row r="946" ht="13.5" customHeight="1"/>
    <row r="947" ht="13.5" customHeight="1"/>
    <row r="948" ht="13.5" customHeight="1"/>
    <row r="949" ht="13.5" customHeight="1"/>
    <row r="950" ht="13.5" customHeight="1"/>
    <row r="951" ht="13.5" customHeight="1"/>
    <row r="952" ht="13.5" customHeight="1"/>
    <row r="953" ht="13.5" customHeight="1"/>
    <row r="954" ht="13.5" customHeight="1"/>
    <row r="955" ht="13.5" customHeight="1"/>
    <row r="956" ht="13.5" customHeight="1"/>
    <row r="957" ht="13.5" customHeight="1"/>
    <row r="958" ht="13.5" customHeight="1"/>
    <row r="959" ht="13.5" customHeight="1"/>
    <row r="960" ht="13.5" customHeight="1"/>
    <row r="961" ht="13.5" customHeight="1"/>
    <row r="962" ht="13.5" customHeight="1"/>
    <row r="963" ht="13.5" customHeight="1"/>
    <row r="964" ht="13.5" customHeight="1"/>
    <row r="965" ht="13.5" customHeight="1"/>
    <row r="966" ht="13.5" customHeight="1"/>
    <row r="967" ht="13.5" customHeight="1"/>
    <row r="968" ht="13.5" customHeight="1"/>
    <row r="969" ht="13.5" customHeight="1"/>
    <row r="970" ht="13.5" customHeight="1"/>
    <row r="971" ht="13.5" customHeight="1"/>
    <row r="972" ht="13.5" customHeight="1"/>
    <row r="973" ht="13.5" customHeight="1"/>
    <row r="974" ht="13.5" customHeight="1"/>
    <row r="975" ht="13.5" customHeight="1"/>
    <row r="976" ht="13.5" customHeight="1"/>
    <row r="977" ht="13.5" customHeight="1"/>
    <row r="978" ht="13.5" customHeight="1"/>
    <row r="979" ht="13.5" customHeight="1"/>
    <row r="980" ht="13.5" customHeight="1"/>
    <row r="981" ht="13.5" customHeight="1"/>
    <row r="982" ht="13.5" customHeight="1"/>
    <row r="983" ht="13.5" customHeight="1"/>
    <row r="984" ht="13.5" customHeight="1"/>
    <row r="985" ht="13.5" customHeight="1"/>
    <row r="986" ht="13.5" customHeight="1"/>
    <row r="987" ht="13.5" customHeight="1"/>
    <row r="988" ht="13.5" customHeight="1"/>
    <row r="989" ht="13.5" customHeight="1"/>
    <row r="990" ht="13.5" customHeight="1"/>
    <row r="991" ht="13.5" customHeight="1"/>
    <row r="992" ht="13.5" customHeight="1"/>
    <row r="993" ht="13.5" customHeight="1"/>
    <row r="994" ht="13.5" customHeight="1"/>
    <row r="995" ht="13.5" customHeight="1"/>
    <row r="996" ht="13.5" customHeight="1"/>
    <row r="997" ht="13.5" customHeight="1"/>
    <row r="998" ht="13.5" customHeight="1"/>
    <row r="999" ht="13.5" customHeight="1"/>
    <row r="1000" ht="13.5" customHeight="1"/>
  </sheetData>
  <pageMargins left="0.74999999999999989" right="0.74999999999999989" top="1.2956692913385828" bottom="1.2956692913385828" header="0" footer="0"/>
  <pageSetup pageOrder="overThenDown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Summary</vt:lpstr>
      <vt:lpstr>Příjmy</vt:lpstr>
      <vt:lpstr>Výdaje</vt:lpstr>
      <vt:lpstr>zmen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neš Petr (8600)</dc:creator>
  <cp:lastModifiedBy>Nespor, Robert</cp:lastModifiedBy>
  <dcterms:created xsi:type="dcterms:W3CDTF">2004-01-07T14:50:38Z</dcterms:created>
  <dcterms:modified xsi:type="dcterms:W3CDTF">2023-01-01T11:01:49Z</dcterms:modified>
</cp:coreProperties>
</file>